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089\Desktop\統計書2021(R3)\02完了分\第3章 農業・漁業\01公表用\"/>
    </mc:Choice>
  </mc:AlternateContent>
  <xr:revisionPtr revIDLastSave="0" documentId="13_ncr:1_{5F25F9EA-8F7E-4BF6-8F41-6BED668220D8}" xr6:coauthVersionLast="44" xr6:coauthVersionMax="44" xr10:uidLastSave="{00000000-0000-0000-0000-000000000000}"/>
  <bookViews>
    <workbookView xWindow="-108" yWindow="-108" windowWidth="23256" windowHeight="12576" xr2:uid="{00000000-000D-0000-FFFF-FFFF00000000}"/>
  </bookViews>
  <sheets>
    <sheet name="1-6 家畜飼養農家数及び頭羽数" sheetId="1" r:id="rId1"/>
  </sheets>
  <definedNames>
    <definedName name="_xlnm.Print_Area" localSheetId="0">'1-6 家畜飼養農家数及び頭羽数'!$A$1:$Q$63</definedName>
    <definedName name="_xlnm.Print_Titles" localSheetId="0">'1-6 家畜飼養農家数及び頭羽数'!$1:$5</definedName>
  </definedNames>
  <calcPr calcId="171027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2" uniqueCount="50">
  <si>
    <t>１－６ 　家畜飼養農家数及び頭羽数</t>
    <phoneticPr fontId="3"/>
  </si>
  <si>
    <t>資料：北海道農業基本調査結果報告書、農業事業体調査結果報告書、農業センサス、農林業センサス、世界農林業センサス、北海道統計</t>
    <rPh sb="0" eb="2">
      <t>シリョウ</t>
    </rPh>
    <phoneticPr fontId="3"/>
  </si>
  <si>
    <t>　　　　（各年２月１日現在）</t>
    <rPh sb="5" eb="7">
      <t>カクネン</t>
    </rPh>
    <rPh sb="8" eb="9">
      <t>ガツ</t>
    </rPh>
    <rPh sb="10" eb="11">
      <t>ニチ</t>
    </rPh>
    <rPh sb="11" eb="13">
      <t>ゲンザイ</t>
    </rPh>
    <phoneticPr fontId="3"/>
  </si>
  <si>
    <t>西暦</t>
    <rPh sb="0" eb="2">
      <t>セイレキ</t>
    </rPh>
    <phoneticPr fontId="3"/>
  </si>
  <si>
    <t>和歴</t>
    <rPh sb="0" eb="1">
      <t>ワ</t>
    </rPh>
    <rPh sb="1" eb="2">
      <t>レキ</t>
    </rPh>
    <phoneticPr fontId="3"/>
  </si>
  <si>
    <t>地区</t>
    <rPh sb="0" eb="2">
      <t>チク</t>
    </rPh>
    <phoneticPr fontId="3"/>
  </si>
  <si>
    <t>総数</t>
    <rPh sb="0" eb="2">
      <t>ソウスウ</t>
    </rPh>
    <phoneticPr fontId="3"/>
  </si>
  <si>
    <t>乳用牛</t>
    <rPh sb="0" eb="3">
      <t>ニュウヨウギュウ</t>
    </rPh>
    <phoneticPr fontId="3"/>
  </si>
  <si>
    <t>肉用牛</t>
    <rPh sb="0" eb="2">
      <t>ニクヨウ</t>
    </rPh>
    <rPh sb="2" eb="3">
      <t>ギュウ</t>
    </rPh>
    <phoneticPr fontId="3"/>
  </si>
  <si>
    <t>馬</t>
    <rPh sb="0" eb="1">
      <t>ウマ</t>
    </rPh>
    <phoneticPr fontId="3"/>
  </si>
  <si>
    <t>めん羊</t>
    <rPh sb="0" eb="3">
      <t>メンヨウ</t>
    </rPh>
    <phoneticPr fontId="3"/>
  </si>
  <si>
    <t>豚</t>
    <rPh sb="0" eb="1">
      <t>ブタ</t>
    </rPh>
    <phoneticPr fontId="3"/>
  </si>
  <si>
    <t>にわとり</t>
    <phoneticPr fontId="3"/>
  </si>
  <si>
    <t>戸　数</t>
    <rPh sb="0" eb="3">
      <t>コスウ</t>
    </rPh>
    <phoneticPr fontId="3"/>
  </si>
  <si>
    <t>頭羽数</t>
    <rPh sb="0" eb="1">
      <t>アタマ</t>
    </rPh>
    <rPh sb="1" eb="2">
      <t>ハネ</t>
    </rPh>
    <rPh sb="2" eb="3">
      <t>スウ</t>
    </rPh>
    <phoneticPr fontId="3"/>
  </si>
  <si>
    <t>頭　数</t>
    <rPh sb="0" eb="3">
      <t>トウスウ</t>
    </rPh>
    <phoneticPr fontId="3"/>
  </si>
  <si>
    <t>羽数</t>
    <rPh sb="0" eb="1">
      <t>ハネ</t>
    </rPh>
    <rPh sb="1" eb="2">
      <t>スウ</t>
    </rPh>
    <phoneticPr fontId="3"/>
  </si>
  <si>
    <t>昭和60年</t>
    <rPh sb="0" eb="2">
      <t>ショウワ</t>
    </rPh>
    <phoneticPr fontId="3"/>
  </si>
  <si>
    <t>石狩町</t>
    <rPh sb="0" eb="2">
      <t>イシカリ</t>
    </rPh>
    <rPh sb="2" eb="3">
      <t>マチ</t>
    </rPh>
    <phoneticPr fontId="3"/>
  </si>
  <si>
    <t>厚田村</t>
    <rPh sb="0" eb="2">
      <t>ア</t>
    </rPh>
    <rPh sb="2" eb="3">
      <t>ムラ</t>
    </rPh>
    <phoneticPr fontId="3"/>
  </si>
  <si>
    <t>浜益村</t>
    <rPh sb="0" eb="2">
      <t>ｈ</t>
    </rPh>
    <rPh sb="2" eb="3">
      <t>ムラ</t>
    </rPh>
    <phoneticPr fontId="3"/>
  </si>
  <si>
    <t>昭和63年</t>
    <rPh sb="0" eb="2">
      <t>ｓ</t>
    </rPh>
    <phoneticPr fontId="3"/>
  </si>
  <si>
    <t>平成元年</t>
    <rPh sb="0" eb="2">
      <t>ｈ</t>
    </rPh>
    <rPh sb="2" eb="4">
      <t>ガンネン</t>
    </rPh>
    <phoneticPr fontId="3"/>
  </si>
  <si>
    <t>平成 2年</t>
    <rPh sb="0" eb="2">
      <t>ｈ</t>
    </rPh>
    <rPh sb="4" eb="5">
      <t>ネン</t>
    </rPh>
    <phoneticPr fontId="3"/>
  </si>
  <si>
    <t>平成 3年</t>
    <rPh sb="0" eb="2">
      <t>ｈ</t>
    </rPh>
    <rPh sb="4" eb="5">
      <t>ネン</t>
    </rPh>
    <phoneticPr fontId="3"/>
  </si>
  <si>
    <t>平成 4年</t>
    <rPh sb="0" eb="2">
      <t>ｈ</t>
    </rPh>
    <rPh sb="4" eb="5">
      <t>ネン</t>
    </rPh>
    <phoneticPr fontId="3"/>
  </si>
  <si>
    <t>平成 5年</t>
    <rPh sb="0" eb="2">
      <t>ｈ</t>
    </rPh>
    <rPh sb="4" eb="5">
      <t>ネン</t>
    </rPh>
    <phoneticPr fontId="3"/>
  </si>
  <si>
    <t>平成 6年</t>
    <rPh sb="0" eb="2">
      <t>ｈ</t>
    </rPh>
    <rPh sb="4" eb="5">
      <t>ネン</t>
    </rPh>
    <phoneticPr fontId="3"/>
  </si>
  <si>
    <t>平成 7年</t>
    <rPh sb="0" eb="2">
      <t>ｈ</t>
    </rPh>
    <rPh sb="4" eb="5">
      <t>ネン</t>
    </rPh>
    <phoneticPr fontId="3"/>
  </si>
  <si>
    <t>平成 8年</t>
    <rPh sb="0" eb="2">
      <t>ｈ</t>
    </rPh>
    <rPh sb="4" eb="5">
      <t>ネン</t>
    </rPh>
    <phoneticPr fontId="3"/>
  </si>
  <si>
    <t>石狩市</t>
    <rPh sb="0" eb="3">
      <t>イ</t>
    </rPh>
    <phoneticPr fontId="3"/>
  </si>
  <si>
    <t>平成 9年</t>
    <rPh sb="0" eb="2">
      <t>ｈ</t>
    </rPh>
    <rPh sb="4" eb="5">
      <t>ネン</t>
    </rPh>
    <phoneticPr fontId="3"/>
  </si>
  <si>
    <t>平成 10年</t>
    <rPh sb="0" eb="2">
      <t>ｈ</t>
    </rPh>
    <rPh sb="5" eb="6">
      <t>ネン</t>
    </rPh>
    <phoneticPr fontId="3"/>
  </si>
  <si>
    <t>x</t>
    <phoneticPr fontId="3"/>
  </si>
  <si>
    <t>平成 11年</t>
    <rPh sb="0" eb="2">
      <t>ｈ</t>
    </rPh>
    <rPh sb="5" eb="6">
      <t>ネン</t>
    </rPh>
    <phoneticPr fontId="3"/>
  </si>
  <si>
    <t>平成12年</t>
    <rPh sb="0" eb="2">
      <t>ｈ</t>
    </rPh>
    <rPh sb="4" eb="5">
      <t>ネン</t>
    </rPh>
    <phoneticPr fontId="3"/>
  </si>
  <si>
    <t>平成17年</t>
    <rPh sb="0" eb="2">
      <t>ｈ</t>
    </rPh>
    <rPh sb="4" eb="5">
      <t>ネン</t>
    </rPh>
    <phoneticPr fontId="3"/>
  </si>
  <si>
    <t>石狩地区</t>
    <rPh sb="0" eb="2">
      <t>イシカリ</t>
    </rPh>
    <rPh sb="2" eb="4">
      <t>チク</t>
    </rPh>
    <phoneticPr fontId="3"/>
  </si>
  <si>
    <t>厚田区</t>
    <rPh sb="0" eb="2">
      <t>ア</t>
    </rPh>
    <rPh sb="2" eb="3">
      <t>ク</t>
    </rPh>
    <phoneticPr fontId="3"/>
  </si>
  <si>
    <t>浜益区</t>
    <rPh sb="0" eb="2">
      <t>ｈ</t>
    </rPh>
    <rPh sb="2" eb="3">
      <t>ク</t>
    </rPh>
    <phoneticPr fontId="3"/>
  </si>
  <si>
    <t>平成22年</t>
    <rPh sb="0" eb="2">
      <t>ｈ</t>
    </rPh>
    <rPh sb="4" eb="5">
      <t>ネン</t>
    </rPh>
    <phoneticPr fontId="3"/>
  </si>
  <si>
    <t>平成27年</t>
    <rPh sb="0" eb="2">
      <t>ｈ</t>
    </rPh>
    <rPh sb="4" eb="5">
      <t>ネン</t>
    </rPh>
    <phoneticPr fontId="3"/>
  </si>
  <si>
    <t>x</t>
  </si>
  <si>
    <t>x</t>
    <phoneticPr fontId="3"/>
  </si>
  <si>
    <t>※2000年（平成12年）までは総農家、2005年（平成17年）以降は販売農家とする。</t>
    <rPh sb="5" eb="6">
      <t>ネン</t>
    </rPh>
    <rPh sb="7" eb="9">
      <t>ｈ</t>
    </rPh>
    <rPh sb="11" eb="12">
      <t>ネン</t>
    </rPh>
    <rPh sb="16" eb="17">
      <t>ソウ</t>
    </rPh>
    <rPh sb="17" eb="19">
      <t>ノウカ</t>
    </rPh>
    <rPh sb="24" eb="25">
      <t>ネン</t>
    </rPh>
    <rPh sb="26" eb="28">
      <t>ヘイセイ</t>
    </rPh>
    <rPh sb="30" eb="31">
      <t>ネン</t>
    </rPh>
    <rPh sb="32" eb="34">
      <t>イコウ</t>
    </rPh>
    <rPh sb="35" eb="37">
      <t>ハンバイ</t>
    </rPh>
    <rPh sb="37" eb="39">
      <t>ノウカ</t>
    </rPh>
    <phoneticPr fontId="3"/>
  </si>
  <si>
    <t>※2015年（平成27年）以降は、経営体数とする。</t>
    <rPh sb="5" eb="6">
      <t>ネン</t>
    </rPh>
    <rPh sb="7" eb="9">
      <t>ｈ</t>
    </rPh>
    <rPh sb="11" eb="12">
      <t>ネン</t>
    </rPh>
    <rPh sb="13" eb="15">
      <t>イコウ</t>
    </rPh>
    <rPh sb="17" eb="19">
      <t>ケイエイ</t>
    </rPh>
    <rPh sb="19" eb="20">
      <t>タイ</t>
    </rPh>
    <rPh sb="20" eb="21">
      <t>スウ</t>
    </rPh>
    <phoneticPr fontId="3"/>
  </si>
  <si>
    <t>「－」：調査は行ったが事実のないもの</t>
    <rPh sb="4" eb="6">
      <t>チョウサ</t>
    </rPh>
    <rPh sb="7" eb="8">
      <t>オコナ</t>
    </rPh>
    <rPh sb="11" eb="13">
      <t>ジジツ</t>
    </rPh>
    <phoneticPr fontId="3"/>
  </si>
  <si>
    <t>「Ｘ」：個人又は法人その他の団体に関する秘密を保護するため、統計数値を公表しないもの</t>
    <rPh sb="4" eb="6">
      <t>コジン</t>
    </rPh>
    <rPh sb="6" eb="7">
      <t>マタ</t>
    </rPh>
    <rPh sb="8" eb="10">
      <t>ホウジン</t>
    </rPh>
    <rPh sb="12" eb="13">
      <t>タ</t>
    </rPh>
    <rPh sb="14" eb="16">
      <t>ダンタイ</t>
    </rPh>
    <rPh sb="17" eb="18">
      <t>カン</t>
    </rPh>
    <rPh sb="20" eb="22">
      <t>ヒミツ</t>
    </rPh>
    <rPh sb="23" eb="25">
      <t>ホゴ</t>
    </rPh>
    <rPh sb="30" eb="32">
      <t>トウケイ</t>
    </rPh>
    <rPh sb="32" eb="34">
      <t>スウチ</t>
    </rPh>
    <rPh sb="35" eb="37">
      <t>コウヒョウ</t>
    </rPh>
    <phoneticPr fontId="3"/>
  </si>
  <si>
    <t>令和2年</t>
    <rPh sb="0" eb="2">
      <t>レイワ</t>
    </rPh>
    <rPh sb="3" eb="4">
      <t>ネン</t>
    </rPh>
    <phoneticPr fontId="3"/>
  </si>
  <si>
    <t>x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_ * #,##0_ ;_ * &quot;¥&quot;\!\-#,##0_ ;_ * &quot;-&quot;_ ;_ @_ "/>
    <numFmt numFmtId="177" formatCode="0000&quot;年&quot;"/>
  </numFmts>
  <fonts count="5" x14ac:knownFonts="1">
    <font>
      <sz val="11"/>
      <name val="ＭＳ 明朝"/>
      <family val="1"/>
      <charset val="128"/>
    </font>
    <font>
      <b/>
      <sz val="16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48">
    <border>
      <left/>
      <right/>
      <top/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</borders>
  <cellStyleXfs count="1">
    <xf numFmtId="0" fontId="0" fillId="0" borderId="0"/>
  </cellStyleXfs>
  <cellXfs count="104">
    <xf numFmtId="0" fontId="0" fillId="0" borderId="0" xfId="0"/>
    <xf numFmtId="56" fontId="1" fillId="0" borderId="0" xfId="0" applyNumberFormat="1" applyFont="1"/>
    <xf numFmtId="0" fontId="4" fillId="0" borderId="0" xfId="0" applyFont="1" applyBorder="1" applyAlignment="1">
      <alignment vertical="top"/>
    </xf>
    <xf numFmtId="0" fontId="0" fillId="0" borderId="11" xfId="0" applyFont="1" applyBorder="1" applyAlignment="1">
      <alignment horizontal="center" vertical="center"/>
    </xf>
    <xf numFmtId="0" fontId="0" fillId="0" borderId="12" xfId="0" applyFont="1" applyBorder="1" applyAlignment="1">
      <alignment horizontal="center" vertical="center"/>
    </xf>
    <xf numFmtId="0" fontId="0" fillId="0" borderId="13" xfId="0" applyFont="1" applyBorder="1" applyAlignment="1">
      <alignment horizontal="center" vertical="center"/>
    </xf>
    <xf numFmtId="0" fontId="0" fillId="0" borderId="14" xfId="0" applyFont="1" applyBorder="1" applyAlignment="1">
      <alignment horizontal="center" vertical="center"/>
    </xf>
    <xf numFmtId="176" fontId="0" fillId="0" borderId="14" xfId="0" applyNumberFormat="1" applyFont="1" applyBorder="1" applyAlignment="1">
      <alignment horizontal="center" vertical="center"/>
    </xf>
    <xf numFmtId="176" fontId="0" fillId="0" borderId="12" xfId="0" applyNumberFormat="1" applyFont="1" applyBorder="1" applyAlignment="1">
      <alignment horizontal="center" vertical="center"/>
    </xf>
    <xf numFmtId="176" fontId="0" fillId="0" borderId="11" xfId="0" applyNumberFormat="1" applyFont="1" applyBorder="1" applyAlignment="1">
      <alignment horizontal="center" vertical="center"/>
    </xf>
    <xf numFmtId="176" fontId="0" fillId="0" borderId="13" xfId="0" applyNumberFormat="1" applyFont="1" applyBorder="1" applyAlignment="1">
      <alignment horizontal="center" vertical="center"/>
    </xf>
    <xf numFmtId="176" fontId="0" fillId="0" borderId="15" xfId="0" applyNumberFormat="1" applyFont="1" applyBorder="1" applyAlignment="1">
      <alignment horizontal="center" vertical="center"/>
    </xf>
    <xf numFmtId="0" fontId="0" fillId="0" borderId="18" xfId="0" applyFont="1" applyBorder="1" applyAlignment="1">
      <alignment horizontal="center" vertical="center"/>
    </xf>
    <xf numFmtId="176" fontId="0" fillId="0" borderId="19" xfId="0" applyNumberFormat="1" applyFont="1" applyBorder="1" applyAlignment="1">
      <alignment vertical="center" shrinkToFit="1"/>
    </xf>
    <xf numFmtId="176" fontId="0" fillId="0" borderId="20" xfId="0" applyNumberFormat="1" applyFont="1" applyBorder="1" applyAlignment="1">
      <alignment vertical="center" shrinkToFit="1"/>
    </xf>
    <xf numFmtId="176" fontId="0" fillId="0" borderId="18" xfId="0" applyNumberFormat="1" applyFont="1" applyBorder="1" applyAlignment="1">
      <alignment vertical="center" shrinkToFit="1"/>
    </xf>
    <xf numFmtId="176" fontId="0" fillId="0" borderId="21" xfId="0" applyNumberFormat="1" applyFont="1" applyBorder="1" applyAlignment="1">
      <alignment vertical="center" shrinkToFit="1"/>
    </xf>
    <xf numFmtId="176" fontId="0" fillId="2" borderId="21" xfId="0" applyNumberFormat="1" applyFont="1" applyFill="1" applyBorder="1" applyAlignment="1">
      <alignment vertical="center" shrinkToFit="1"/>
    </xf>
    <xf numFmtId="176" fontId="0" fillId="2" borderId="20" xfId="0" applyNumberFormat="1" applyFont="1" applyFill="1" applyBorder="1" applyAlignment="1">
      <alignment vertical="center" shrinkToFit="1"/>
    </xf>
    <xf numFmtId="176" fontId="0" fillId="0" borderId="22" xfId="0" applyNumberFormat="1" applyFont="1" applyBorder="1" applyAlignment="1">
      <alignment vertical="center" shrinkToFit="1"/>
    </xf>
    <xf numFmtId="0" fontId="0" fillId="0" borderId="25" xfId="0" applyFont="1" applyBorder="1" applyAlignment="1">
      <alignment horizontal="center" vertical="center"/>
    </xf>
    <xf numFmtId="176" fontId="0" fillId="0" borderId="26" xfId="0" applyNumberFormat="1" applyFont="1" applyBorder="1" applyAlignment="1">
      <alignment vertical="center" shrinkToFit="1"/>
    </xf>
    <xf numFmtId="176" fontId="0" fillId="0" borderId="27" xfId="0" applyNumberFormat="1" applyFont="1" applyBorder="1" applyAlignment="1">
      <alignment vertical="center" shrinkToFit="1"/>
    </xf>
    <xf numFmtId="176" fontId="0" fillId="0" borderId="25" xfId="0" applyNumberFormat="1" applyFont="1" applyBorder="1" applyAlignment="1">
      <alignment vertical="center" shrinkToFit="1"/>
    </xf>
    <xf numFmtId="176" fontId="0" fillId="0" borderId="28" xfId="0" applyNumberFormat="1" applyFont="1" applyBorder="1" applyAlignment="1">
      <alignment vertical="center" shrinkToFit="1"/>
    </xf>
    <xf numFmtId="176" fontId="0" fillId="2" borderId="28" xfId="0" applyNumberFormat="1" applyFont="1" applyFill="1" applyBorder="1" applyAlignment="1">
      <alignment vertical="center" shrinkToFit="1"/>
    </xf>
    <xf numFmtId="176" fontId="0" fillId="2" borderId="27" xfId="0" applyNumberFormat="1" applyFont="1" applyFill="1" applyBorder="1" applyAlignment="1">
      <alignment vertical="center" shrinkToFit="1"/>
    </xf>
    <xf numFmtId="176" fontId="0" fillId="0" borderId="29" xfId="0" applyNumberFormat="1" applyFont="1" applyBorder="1" applyAlignment="1">
      <alignment vertical="center" shrinkToFit="1"/>
    </xf>
    <xf numFmtId="0" fontId="0" fillId="0" borderId="30" xfId="0" applyFont="1" applyBorder="1" applyAlignment="1">
      <alignment horizontal="center" vertical="center"/>
    </xf>
    <xf numFmtId="176" fontId="0" fillId="0" borderId="31" xfId="0" applyNumberFormat="1" applyFont="1" applyBorder="1" applyAlignment="1">
      <alignment vertical="center" shrinkToFit="1"/>
    </xf>
    <xf numFmtId="176" fontId="0" fillId="0" borderId="32" xfId="0" applyNumberFormat="1" applyFont="1" applyBorder="1" applyAlignment="1">
      <alignment vertical="center" shrinkToFit="1"/>
    </xf>
    <xf numFmtId="176" fontId="0" fillId="0" borderId="30" xfId="0" applyNumberFormat="1" applyFont="1" applyBorder="1" applyAlignment="1">
      <alignment vertical="center" shrinkToFit="1"/>
    </xf>
    <xf numFmtId="176" fontId="0" fillId="0" borderId="33" xfId="0" applyNumberFormat="1" applyFont="1" applyBorder="1" applyAlignment="1">
      <alignment vertical="center" shrinkToFit="1"/>
    </xf>
    <xf numFmtId="176" fontId="0" fillId="2" borderId="33" xfId="0" applyNumberFormat="1" applyFont="1" applyFill="1" applyBorder="1" applyAlignment="1">
      <alignment vertical="center" shrinkToFit="1"/>
    </xf>
    <xf numFmtId="176" fontId="0" fillId="2" borderId="32" xfId="0" applyNumberFormat="1" applyFont="1" applyFill="1" applyBorder="1" applyAlignment="1">
      <alignment vertical="center" shrinkToFit="1"/>
    </xf>
    <xf numFmtId="176" fontId="0" fillId="0" borderId="34" xfId="0" applyNumberFormat="1" applyFont="1" applyBorder="1" applyAlignment="1">
      <alignment vertical="center" shrinkToFit="1"/>
    </xf>
    <xf numFmtId="176" fontId="0" fillId="0" borderId="11" xfId="0" applyNumberFormat="1" applyFont="1" applyBorder="1" applyAlignment="1">
      <alignment vertical="center" shrinkToFit="1"/>
    </xf>
    <xf numFmtId="176" fontId="0" fillId="0" borderId="12" xfId="0" applyNumberFormat="1" applyFont="1" applyBorder="1" applyAlignment="1">
      <alignment vertical="center" shrinkToFit="1"/>
    </xf>
    <xf numFmtId="176" fontId="0" fillId="0" borderId="13" xfId="0" applyNumberFormat="1" applyFont="1" applyBorder="1" applyAlignment="1">
      <alignment vertical="center" shrinkToFit="1"/>
    </xf>
    <xf numFmtId="176" fontId="0" fillId="0" borderId="14" xfId="0" applyNumberFormat="1" applyFont="1" applyBorder="1" applyAlignment="1">
      <alignment vertical="center" shrinkToFit="1"/>
    </xf>
    <xf numFmtId="176" fontId="0" fillId="0" borderId="15" xfId="0" applyNumberFormat="1" applyFont="1" applyBorder="1" applyAlignment="1">
      <alignment vertical="center" shrinkToFit="1"/>
    </xf>
    <xf numFmtId="0" fontId="0" fillId="0" borderId="37" xfId="0" applyFont="1" applyBorder="1" applyAlignment="1">
      <alignment horizontal="center" vertical="center"/>
    </xf>
    <xf numFmtId="176" fontId="0" fillId="0" borderId="38" xfId="0" applyNumberFormat="1" applyFont="1" applyBorder="1" applyAlignment="1">
      <alignment vertical="center" shrinkToFit="1"/>
    </xf>
    <xf numFmtId="176" fontId="0" fillId="0" borderId="39" xfId="0" applyNumberFormat="1" applyFont="1" applyBorder="1" applyAlignment="1">
      <alignment vertical="center" shrinkToFit="1"/>
    </xf>
    <xf numFmtId="176" fontId="0" fillId="0" borderId="37" xfId="0" applyNumberFormat="1" applyFont="1" applyBorder="1" applyAlignment="1">
      <alignment vertical="center" shrinkToFit="1"/>
    </xf>
    <xf numFmtId="176" fontId="0" fillId="0" borderId="40" xfId="0" applyNumberFormat="1" applyFont="1" applyBorder="1" applyAlignment="1">
      <alignment vertical="center" shrinkToFit="1"/>
    </xf>
    <xf numFmtId="176" fontId="0" fillId="0" borderId="41" xfId="0" applyNumberFormat="1" applyFont="1" applyBorder="1" applyAlignment="1">
      <alignment vertical="center" shrinkToFit="1"/>
    </xf>
    <xf numFmtId="176" fontId="0" fillId="2" borderId="14" xfId="0" applyNumberFormat="1" applyFont="1" applyFill="1" applyBorder="1" applyAlignment="1">
      <alignment vertical="center" shrinkToFit="1"/>
    </xf>
    <xf numFmtId="176" fontId="0" fillId="2" borderId="12" xfId="0" applyNumberFormat="1" applyFont="1" applyFill="1" applyBorder="1" applyAlignment="1">
      <alignment vertical="center" shrinkToFit="1"/>
    </xf>
    <xf numFmtId="176" fontId="0" fillId="2" borderId="40" xfId="0" applyNumberFormat="1" applyFont="1" applyFill="1" applyBorder="1" applyAlignment="1">
      <alignment vertical="center" shrinkToFit="1"/>
    </xf>
    <xf numFmtId="176" fontId="0" fillId="2" borderId="39" xfId="0" applyNumberFormat="1" applyFont="1" applyFill="1" applyBorder="1" applyAlignment="1">
      <alignment vertical="center" shrinkToFit="1"/>
    </xf>
    <xf numFmtId="176" fontId="0" fillId="0" borderId="20" xfId="0" applyNumberFormat="1" applyFont="1" applyBorder="1" applyAlignment="1">
      <alignment horizontal="right" vertical="center" shrinkToFit="1"/>
    </xf>
    <xf numFmtId="176" fontId="0" fillId="0" borderId="18" xfId="0" applyNumberFormat="1" applyFont="1" applyBorder="1" applyAlignment="1">
      <alignment horizontal="right" vertical="center" shrinkToFit="1"/>
    </xf>
    <xf numFmtId="176" fontId="0" fillId="0" borderId="15" xfId="0" applyNumberFormat="1" applyFont="1" applyBorder="1" applyAlignment="1">
      <alignment horizontal="right" vertical="center" shrinkToFit="1"/>
    </xf>
    <xf numFmtId="176" fontId="0" fillId="0" borderId="22" xfId="0" applyNumberFormat="1" applyFont="1" applyBorder="1" applyAlignment="1">
      <alignment horizontal="right" vertical="center" shrinkToFit="1"/>
    </xf>
    <xf numFmtId="176" fontId="0" fillId="0" borderId="29" xfId="0" applyNumberFormat="1" applyFont="1" applyBorder="1" applyAlignment="1">
      <alignment horizontal="right" vertical="center" shrinkToFit="1"/>
    </xf>
    <xf numFmtId="176" fontId="0" fillId="0" borderId="25" xfId="0" applyNumberFormat="1" applyFont="1" applyBorder="1" applyAlignment="1">
      <alignment horizontal="right" vertical="center" shrinkToFit="1"/>
    </xf>
    <xf numFmtId="176" fontId="0" fillId="0" borderId="13" xfId="0" applyNumberFormat="1" applyFont="1" applyBorder="1" applyAlignment="1">
      <alignment horizontal="right" vertical="center" shrinkToFit="1"/>
    </xf>
    <xf numFmtId="176" fontId="0" fillId="2" borderId="38" xfId="0" applyNumberFormat="1" applyFont="1" applyFill="1" applyBorder="1" applyAlignment="1">
      <alignment vertical="center" shrinkToFit="1"/>
    </xf>
    <xf numFmtId="176" fontId="0" fillId="2" borderId="37" xfId="0" applyNumberFormat="1" applyFont="1" applyFill="1" applyBorder="1" applyAlignment="1">
      <alignment vertical="center" shrinkToFit="1"/>
    </xf>
    <xf numFmtId="176" fontId="0" fillId="0" borderId="37" xfId="0" applyNumberFormat="1" applyFont="1" applyBorder="1" applyAlignment="1">
      <alignment horizontal="right" vertical="center" shrinkToFit="1"/>
    </xf>
    <xf numFmtId="176" fontId="0" fillId="0" borderId="41" xfId="0" applyNumberFormat="1" applyFont="1" applyBorder="1" applyAlignment="1">
      <alignment horizontal="right" vertical="center" shrinkToFit="1"/>
    </xf>
    <xf numFmtId="176" fontId="0" fillId="2" borderId="26" xfId="0" applyNumberFormat="1" applyFont="1" applyFill="1" applyBorder="1" applyAlignment="1">
      <alignment vertical="center" shrinkToFit="1"/>
    </xf>
    <xf numFmtId="176" fontId="0" fillId="2" borderId="25" xfId="0" applyNumberFormat="1" applyFont="1" applyFill="1" applyBorder="1" applyAlignment="1">
      <alignment vertical="center" shrinkToFit="1"/>
    </xf>
    <xf numFmtId="176" fontId="0" fillId="0" borderId="30" xfId="0" applyNumberFormat="1" applyFont="1" applyBorder="1" applyAlignment="1">
      <alignment horizontal="right" vertical="center" shrinkToFit="1"/>
    </xf>
    <xf numFmtId="176" fontId="0" fillId="2" borderId="31" xfId="0" applyNumberFormat="1" applyFont="1" applyFill="1" applyBorder="1" applyAlignment="1">
      <alignment vertical="center" shrinkToFit="1"/>
    </xf>
    <xf numFmtId="176" fontId="0" fillId="2" borderId="30" xfId="0" applyNumberFormat="1" applyFont="1" applyFill="1" applyBorder="1" applyAlignment="1">
      <alignment vertical="center" shrinkToFit="1"/>
    </xf>
    <xf numFmtId="176" fontId="0" fillId="0" borderId="34" xfId="0" applyNumberFormat="1" applyFont="1" applyBorder="1" applyAlignment="1">
      <alignment horizontal="right" vertical="center" shrinkToFit="1"/>
    </xf>
    <xf numFmtId="176" fontId="0" fillId="2" borderId="19" xfId="0" applyNumberFormat="1" applyFont="1" applyFill="1" applyBorder="1" applyAlignment="1">
      <alignment vertical="center" shrinkToFit="1"/>
    </xf>
    <xf numFmtId="176" fontId="0" fillId="2" borderId="18" xfId="0" applyNumberFormat="1" applyFont="1" applyFill="1" applyBorder="1" applyAlignment="1">
      <alignment vertical="center" shrinkToFit="1"/>
    </xf>
    <xf numFmtId="176" fontId="0" fillId="0" borderId="43" xfId="0" applyNumberFormat="1" applyFont="1" applyBorder="1" applyAlignment="1">
      <alignment vertical="center" shrinkToFit="1"/>
    </xf>
    <xf numFmtId="176" fontId="0" fillId="0" borderId="42" xfId="0" applyNumberFormat="1" applyFont="1" applyBorder="1" applyAlignment="1">
      <alignment horizontal="right" vertical="center" shrinkToFit="1"/>
    </xf>
    <xf numFmtId="176" fontId="0" fillId="0" borderId="44" xfId="0" applyNumberFormat="1" applyFont="1" applyBorder="1" applyAlignment="1">
      <alignment vertical="center" shrinkToFit="1"/>
    </xf>
    <xf numFmtId="176" fontId="0" fillId="2" borderId="43" xfId="0" applyNumberFormat="1" applyFont="1" applyFill="1" applyBorder="1" applyAlignment="1">
      <alignment vertical="center" shrinkToFit="1"/>
    </xf>
    <xf numFmtId="176" fontId="0" fillId="2" borderId="42" xfId="0" applyNumberFormat="1" applyFont="1" applyFill="1" applyBorder="1" applyAlignment="1">
      <alignment vertical="center" shrinkToFit="1"/>
    </xf>
    <xf numFmtId="176" fontId="0" fillId="2" borderId="44" xfId="0" applyNumberFormat="1" applyFont="1" applyFill="1" applyBorder="1" applyAlignment="1">
      <alignment vertical="center" shrinkToFit="1"/>
    </xf>
    <xf numFmtId="176" fontId="0" fillId="2" borderId="45" xfId="0" applyNumberFormat="1" applyFont="1" applyFill="1" applyBorder="1" applyAlignment="1">
      <alignment vertical="center" shrinkToFit="1"/>
    </xf>
    <xf numFmtId="176" fontId="0" fillId="0" borderId="46" xfId="0" applyNumberFormat="1" applyFont="1" applyBorder="1" applyAlignment="1">
      <alignment horizontal="right" vertical="center" shrinkToFit="1"/>
    </xf>
    <xf numFmtId="0" fontId="4" fillId="0" borderId="0" xfId="0" applyFont="1"/>
    <xf numFmtId="176" fontId="0" fillId="2" borderId="13" xfId="0" applyNumberFormat="1" applyFont="1" applyFill="1" applyBorder="1" applyAlignment="1">
      <alignment vertical="center" shrinkToFit="1"/>
    </xf>
    <xf numFmtId="176" fontId="0" fillId="2" borderId="11" xfId="0" applyNumberFormat="1" applyFont="1" applyFill="1" applyBorder="1" applyAlignment="1">
      <alignment vertical="center" shrinkToFit="1"/>
    </xf>
    <xf numFmtId="177" fontId="0" fillId="0" borderId="23" xfId="0" applyNumberFormat="1" applyFont="1" applyFill="1" applyBorder="1" applyAlignment="1">
      <alignment horizontal="center" vertical="center"/>
    </xf>
    <xf numFmtId="0" fontId="0" fillId="0" borderId="24" xfId="0" applyFont="1" applyFill="1" applyBorder="1" applyAlignment="1">
      <alignment horizontal="center" vertical="center"/>
    </xf>
    <xf numFmtId="177" fontId="0" fillId="0" borderId="16" xfId="0" applyNumberFormat="1" applyFont="1" applyFill="1" applyBorder="1" applyAlignment="1">
      <alignment horizontal="center" vertical="center"/>
    </xf>
    <xf numFmtId="177" fontId="0" fillId="0" borderId="35" xfId="0" applyNumberFormat="1" applyFont="1" applyFill="1" applyBorder="1" applyAlignment="1">
      <alignment horizontal="center" vertical="center"/>
    </xf>
    <xf numFmtId="0" fontId="0" fillId="0" borderId="17" xfId="0" applyFont="1" applyFill="1" applyBorder="1" applyAlignment="1">
      <alignment horizontal="center" vertical="center"/>
    </xf>
    <xf numFmtId="0" fontId="0" fillId="0" borderId="36" xfId="0" applyFont="1" applyFill="1" applyBorder="1" applyAlignment="1">
      <alignment horizontal="center" vertical="center"/>
    </xf>
    <xf numFmtId="0" fontId="0" fillId="0" borderId="0" xfId="0" applyAlignment="1">
      <alignment horizontal="center" vertical="top" wrapText="1"/>
    </xf>
    <xf numFmtId="0" fontId="0" fillId="0" borderId="0" xfId="0" applyFont="1" applyBorder="1" applyAlignment="1">
      <alignment horizontal="right" vertical="top"/>
    </xf>
    <xf numFmtId="0" fontId="0" fillId="0" borderId="1" xfId="0" applyFont="1" applyFill="1" applyBorder="1" applyAlignment="1">
      <alignment horizontal="center" vertical="center"/>
    </xf>
    <xf numFmtId="0" fontId="0" fillId="0" borderId="8" xfId="0" applyFont="1" applyFill="1" applyBorder="1" applyAlignment="1">
      <alignment horizontal="center" vertical="center"/>
    </xf>
    <xf numFmtId="0" fontId="0" fillId="0" borderId="2" xfId="0" applyFont="1" applyFill="1" applyBorder="1" applyAlignment="1">
      <alignment horizontal="center" vertical="center"/>
    </xf>
    <xf numFmtId="0" fontId="0" fillId="0" borderId="9" xfId="0" applyFont="1" applyFill="1" applyBorder="1" applyAlignment="1">
      <alignment horizontal="center" vertical="center"/>
    </xf>
    <xf numFmtId="0" fontId="0" fillId="0" borderId="3" xfId="0" applyFont="1" applyFill="1" applyBorder="1" applyAlignment="1">
      <alignment horizontal="center" vertical="center"/>
    </xf>
    <xf numFmtId="0" fontId="0" fillId="0" borderId="10" xfId="0" applyFont="1" applyFill="1" applyBorder="1" applyAlignment="1">
      <alignment horizontal="center" vertical="center"/>
    </xf>
    <xf numFmtId="0" fontId="0" fillId="0" borderId="4" xfId="0" applyFont="1" applyBorder="1" applyAlignment="1">
      <alignment horizontal="center" vertical="center"/>
    </xf>
    <xf numFmtId="0" fontId="0" fillId="0" borderId="5" xfId="0" applyFont="1" applyBorder="1" applyAlignment="1">
      <alignment horizontal="center" vertical="center"/>
    </xf>
    <xf numFmtId="0" fontId="0" fillId="0" borderId="6" xfId="0" applyFont="1" applyBorder="1" applyAlignment="1">
      <alignment horizontal="center" vertical="center"/>
    </xf>
    <xf numFmtId="176" fontId="0" fillId="0" borderId="6" xfId="0" applyNumberFormat="1" applyFont="1" applyBorder="1" applyAlignment="1">
      <alignment horizontal="center" vertical="center"/>
    </xf>
    <xf numFmtId="176" fontId="0" fillId="0" borderId="5" xfId="0" applyNumberFormat="1" applyFont="1" applyBorder="1" applyAlignment="1">
      <alignment horizontal="center" vertical="center"/>
    </xf>
    <xf numFmtId="176" fontId="0" fillId="0" borderId="4" xfId="0" applyNumberFormat="1" applyFont="1" applyBorder="1" applyAlignment="1">
      <alignment horizontal="center" vertical="center"/>
    </xf>
    <xf numFmtId="176" fontId="0" fillId="0" borderId="7" xfId="0" applyNumberFormat="1" applyFont="1" applyBorder="1" applyAlignment="1">
      <alignment horizontal="center" vertical="center"/>
    </xf>
    <xf numFmtId="0" fontId="0" fillId="0" borderId="47" xfId="0" applyBorder="1" applyAlignment="1">
      <alignment horizontal="left" wrapText="1"/>
    </xf>
    <xf numFmtId="176" fontId="0" fillId="0" borderId="42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Q63"/>
  <sheetViews>
    <sheetView tabSelected="1" view="pageBreakPreview" zoomScale="115" zoomScaleNormal="100" zoomScaleSheetLayoutView="115" workbookViewId="0">
      <pane xSplit="2" ySplit="5" topLeftCell="C51" activePane="bottomRight" state="frozen"/>
      <selection activeCell="J12" sqref="J12"/>
      <selection pane="topRight" activeCell="J12" sqref="J12"/>
      <selection pane="bottomLeft" activeCell="J12" sqref="J12"/>
      <selection pane="bottomRight" activeCell="I65" sqref="I65"/>
    </sheetView>
  </sheetViews>
  <sheetFormatPr defaultRowHeight="13.2" x14ac:dyDescent="0.2"/>
  <cols>
    <col min="1" max="1" width="9" customWidth="1"/>
    <col min="3" max="3" width="11" customWidth="1"/>
    <col min="4" max="4" width="7.109375" customWidth="1"/>
    <col min="5" max="5" width="8.109375" customWidth="1"/>
    <col min="6" max="6" width="7.109375" customWidth="1"/>
    <col min="7" max="7" width="8.109375" customWidth="1"/>
    <col min="8" max="8" width="7.109375" customWidth="1"/>
    <col min="9" max="9" width="8.109375" customWidth="1"/>
    <col min="10" max="10" width="7.109375" customWidth="1"/>
    <col min="11" max="11" width="8.109375" customWidth="1"/>
    <col min="12" max="12" width="7.109375" customWidth="1"/>
    <col min="13" max="13" width="8.109375" customWidth="1"/>
    <col min="14" max="14" width="7.109375" customWidth="1"/>
    <col min="15" max="15" width="8.109375" customWidth="1"/>
    <col min="16" max="16" width="7.109375" customWidth="1"/>
    <col min="17" max="17" width="8.109375" customWidth="1"/>
  </cols>
  <sheetData>
    <row r="1" spans="1:17" ht="19.2" x14ac:dyDescent="0.25">
      <c r="A1" s="1" t="s">
        <v>0</v>
      </c>
    </row>
    <row r="2" spans="1:17" ht="18.75" customHeight="1" x14ac:dyDescent="0.25">
      <c r="A2" s="1"/>
      <c r="B2" s="87" t="s">
        <v>1</v>
      </c>
      <c r="C2" s="87"/>
      <c r="D2" s="87"/>
      <c r="E2" s="87"/>
      <c r="F2" s="87"/>
      <c r="G2" s="87"/>
      <c r="H2" s="87"/>
      <c r="I2" s="87"/>
      <c r="J2" s="87"/>
      <c r="K2" s="87"/>
      <c r="L2" s="87"/>
      <c r="M2" s="87"/>
      <c r="N2" s="87"/>
      <c r="O2" s="87"/>
      <c r="P2" s="87"/>
      <c r="Q2" s="87"/>
    </row>
    <row r="3" spans="1:17" ht="20.100000000000001" customHeight="1" thickBot="1" x14ac:dyDescent="0.25">
      <c r="I3" s="2"/>
      <c r="J3" s="2"/>
      <c r="K3" s="2"/>
      <c r="O3" s="88" t="s">
        <v>2</v>
      </c>
      <c r="P3" s="88"/>
      <c r="Q3" s="88"/>
    </row>
    <row r="4" spans="1:17" ht="20.100000000000001" customHeight="1" x14ac:dyDescent="0.2">
      <c r="A4" s="89" t="s">
        <v>3</v>
      </c>
      <c r="B4" s="91" t="s">
        <v>4</v>
      </c>
      <c r="C4" s="93" t="s">
        <v>5</v>
      </c>
      <c r="D4" s="95" t="s">
        <v>6</v>
      </c>
      <c r="E4" s="96"/>
      <c r="F4" s="95" t="s">
        <v>7</v>
      </c>
      <c r="G4" s="95"/>
      <c r="H4" s="97" t="s">
        <v>8</v>
      </c>
      <c r="I4" s="96"/>
      <c r="J4" s="95" t="s">
        <v>9</v>
      </c>
      <c r="K4" s="95"/>
      <c r="L4" s="98" t="s">
        <v>10</v>
      </c>
      <c r="M4" s="99"/>
      <c r="N4" s="100" t="s">
        <v>11</v>
      </c>
      <c r="O4" s="100"/>
      <c r="P4" s="98" t="s">
        <v>12</v>
      </c>
      <c r="Q4" s="101"/>
    </row>
    <row r="5" spans="1:17" ht="20.100000000000001" customHeight="1" x14ac:dyDescent="0.2">
      <c r="A5" s="90"/>
      <c r="B5" s="92"/>
      <c r="C5" s="94"/>
      <c r="D5" s="3" t="s">
        <v>13</v>
      </c>
      <c r="E5" s="4" t="s">
        <v>14</v>
      </c>
      <c r="F5" s="3" t="s">
        <v>13</v>
      </c>
      <c r="G5" s="5" t="s">
        <v>15</v>
      </c>
      <c r="H5" s="6" t="s">
        <v>13</v>
      </c>
      <c r="I5" s="4" t="s">
        <v>15</v>
      </c>
      <c r="J5" s="3" t="s">
        <v>13</v>
      </c>
      <c r="K5" s="5" t="s">
        <v>15</v>
      </c>
      <c r="L5" s="7" t="s">
        <v>13</v>
      </c>
      <c r="M5" s="8" t="s">
        <v>15</v>
      </c>
      <c r="N5" s="9" t="s">
        <v>13</v>
      </c>
      <c r="O5" s="10" t="s">
        <v>15</v>
      </c>
      <c r="P5" s="7" t="s">
        <v>13</v>
      </c>
      <c r="Q5" s="11" t="s">
        <v>16</v>
      </c>
    </row>
    <row r="6" spans="1:17" ht="20.100000000000001" customHeight="1" x14ac:dyDescent="0.2">
      <c r="A6" s="83">
        <v>1985</v>
      </c>
      <c r="B6" s="85" t="s">
        <v>17</v>
      </c>
      <c r="C6" s="12" t="s">
        <v>18</v>
      </c>
      <c r="D6" s="13">
        <v>35</v>
      </c>
      <c r="E6" s="14">
        <v>2874</v>
      </c>
      <c r="F6" s="13">
        <v>19</v>
      </c>
      <c r="G6" s="15">
        <v>432</v>
      </c>
      <c r="H6" s="16">
        <v>2</v>
      </c>
      <c r="I6" s="14">
        <v>15</v>
      </c>
      <c r="J6" s="13">
        <v>4</v>
      </c>
      <c r="K6" s="15">
        <v>4</v>
      </c>
      <c r="L6" s="17"/>
      <c r="M6" s="18"/>
      <c r="N6" s="13">
        <v>5</v>
      </c>
      <c r="O6" s="15">
        <v>1578</v>
      </c>
      <c r="P6" s="16">
        <v>5</v>
      </c>
      <c r="Q6" s="19">
        <v>845</v>
      </c>
    </row>
    <row r="7" spans="1:17" ht="20.100000000000001" customHeight="1" x14ac:dyDescent="0.2">
      <c r="A7" s="81"/>
      <c r="B7" s="82"/>
      <c r="C7" s="20" t="s">
        <v>19</v>
      </c>
      <c r="D7" s="21">
        <v>61</v>
      </c>
      <c r="E7" s="22">
        <v>3416</v>
      </c>
      <c r="F7" s="21">
        <v>19</v>
      </c>
      <c r="G7" s="23">
        <v>313</v>
      </c>
      <c r="H7" s="24">
        <v>2</v>
      </c>
      <c r="I7" s="22">
        <v>13</v>
      </c>
      <c r="J7" s="21">
        <v>15</v>
      </c>
      <c r="K7" s="23">
        <v>30</v>
      </c>
      <c r="L7" s="25"/>
      <c r="M7" s="26"/>
      <c r="N7" s="21">
        <v>18</v>
      </c>
      <c r="O7" s="23">
        <v>2365</v>
      </c>
      <c r="P7" s="24">
        <v>7</v>
      </c>
      <c r="Q7" s="27">
        <v>695</v>
      </c>
    </row>
    <row r="8" spans="1:17" ht="20.100000000000001" customHeight="1" x14ac:dyDescent="0.2">
      <c r="A8" s="81"/>
      <c r="B8" s="82"/>
      <c r="C8" s="28" t="s">
        <v>20</v>
      </c>
      <c r="D8" s="29">
        <v>45</v>
      </c>
      <c r="E8" s="30">
        <v>1866</v>
      </c>
      <c r="F8" s="29">
        <v>0</v>
      </c>
      <c r="G8" s="31">
        <v>0</v>
      </c>
      <c r="H8" s="32">
        <v>31</v>
      </c>
      <c r="I8" s="30">
        <v>352</v>
      </c>
      <c r="J8" s="29">
        <v>0</v>
      </c>
      <c r="K8" s="31">
        <v>0</v>
      </c>
      <c r="L8" s="33"/>
      <c r="M8" s="34"/>
      <c r="N8" s="29">
        <v>6</v>
      </c>
      <c r="O8" s="31">
        <v>1433</v>
      </c>
      <c r="P8" s="32">
        <v>8</v>
      </c>
      <c r="Q8" s="35">
        <v>81</v>
      </c>
    </row>
    <row r="9" spans="1:17" ht="20.100000000000001" customHeight="1" x14ac:dyDescent="0.2">
      <c r="A9" s="83">
        <v>1988</v>
      </c>
      <c r="B9" s="85" t="s">
        <v>21</v>
      </c>
      <c r="C9" s="12" t="s">
        <v>18</v>
      </c>
      <c r="D9" s="13">
        <v>38</v>
      </c>
      <c r="E9" s="14">
        <v>2745</v>
      </c>
      <c r="F9" s="13">
        <v>20</v>
      </c>
      <c r="G9" s="15">
        <v>764</v>
      </c>
      <c r="H9" s="16">
        <v>3</v>
      </c>
      <c r="I9" s="14">
        <v>17</v>
      </c>
      <c r="J9" s="13">
        <v>2</v>
      </c>
      <c r="K9" s="15">
        <v>2</v>
      </c>
      <c r="L9" s="16">
        <v>3</v>
      </c>
      <c r="M9" s="14">
        <v>17</v>
      </c>
      <c r="N9" s="13">
        <v>5</v>
      </c>
      <c r="O9" s="15">
        <v>1385</v>
      </c>
      <c r="P9" s="16">
        <v>5</v>
      </c>
      <c r="Q9" s="19">
        <v>560</v>
      </c>
    </row>
    <row r="10" spans="1:17" ht="20.100000000000001" customHeight="1" x14ac:dyDescent="0.2">
      <c r="A10" s="81"/>
      <c r="B10" s="82"/>
      <c r="C10" s="20" t="s">
        <v>19</v>
      </c>
      <c r="D10" s="21">
        <v>46</v>
      </c>
      <c r="E10" s="22">
        <v>3107</v>
      </c>
      <c r="F10" s="21">
        <v>16</v>
      </c>
      <c r="G10" s="23">
        <v>462</v>
      </c>
      <c r="H10" s="24">
        <v>1</v>
      </c>
      <c r="I10" s="22">
        <v>2</v>
      </c>
      <c r="J10" s="21">
        <v>6</v>
      </c>
      <c r="K10" s="23">
        <v>16</v>
      </c>
      <c r="L10" s="24">
        <v>5</v>
      </c>
      <c r="M10" s="22">
        <v>24</v>
      </c>
      <c r="N10" s="21">
        <v>13</v>
      </c>
      <c r="O10" s="23">
        <v>2010</v>
      </c>
      <c r="P10" s="24">
        <v>5</v>
      </c>
      <c r="Q10" s="27">
        <v>593</v>
      </c>
    </row>
    <row r="11" spans="1:17" ht="20.100000000000001" customHeight="1" x14ac:dyDescent="0.2">
      <c r="A11" s="84"/>
      <c r="B11" s="86"/>
      <c r="C11" s="5" t="s">
        <v>20</v>
      </c>
      <c r="D11" s="36">
        <v>37</v>
      </c>
      <c r="E11" s="37">
        <v>1828</v>
      </c>
      <c r="F11" s="36">
        <v>0</v>
      </c>
      <c r="G11" s="38">
        <v>0</v>
      </c>
      <c r="H11" s="39">
        <v>22</v>
      </c>
      <c r="I11" s="37">
        <v>284</v>
      </c>
      <c r="J11" s="36">
        <v>0</v>
      </c>
      <c r="K11" s="38">
        <v>0</v>
      </c>
      <c r="L11" s="39">
        <v>2</v>
      </c>
      <c r="M11" s="37">
        <v>12</v>
      </c>
      <c r="N11" s="36">
        <v>5</v>
      </c>
      <c r="O11" s="38">
        <v>1437</v>
      </c>
      <c r="P11" s="39">
        <v>8</v>
      </c>
      <c r="Q11" s="40">
        <v>95</v>
      </c>
    </row>
    <row r="12" spans="1:17" ht="20.100000000000001" customHeight="1" x14ac:dyDescent="0.2">
      <c r="A12" s="81">
        <v>1989</v>
      </c>
      <c r="B12" s="82" t="s">
        <v>22</v>
      </c>
      <c r="C12" s="41" t="s">
        <v>18</v>
      </c>
      <c r="D12" s="42">
        <v>33</v>
      </c>
      <c r="E12" s="43">
        <v>3265</v>
      </c>
      <c r="F12" s="42">
        <v>20</v>
      </c>
      <c r="G12" s="44">
        <v>769</v>
      </c>
      <c r="H12" s="45">
        <v>3</v>
      </c>
      <c r="I12" s="43">
        <v>19</v>
      </c>
      <c r="J12" s="42">
        <v>1</v>
      </c>
      <c r="K12" s="44">
        <v>1</v>
      </c>
      <c r="L12" s="45">
        <v>2</v>
      </c>
      <c r="M12" s="43">
        <v>14</v>
      </c>
      <c r="N12" s="42">
        <v>5</v>
      </c>
      <c r="O12" s="44">
        <v>2045</v>
      </c>
      <c r="P12" s="45">
        <v>2</v>
      </c>
      <c r="Q12" s="46">
        <v>417</v>
      </c>
    </row>
    <row r="13" spans="1:17" ht="20.100000000000001" customHeight="1" x14ac:dyDescent="0.2">
      <c r="A13" s="81"/>
      <c r="B13" s="82"/>
      <c r="C13" s="20" t="s">
        <v>19</v>
      </c>
      <c r="D13" s="21">
        <v>28</v>
      </c>
      <c r="E13" s="22">
        <v>2317</v>
      </c>
      <c r="F13" s="21">
        <v>14</v>
      </c>
      <c r="G13" s="23">
        <v>447</v>
      </c>
      <c r="H13" s="24">
        <v>1</v>
      </c>
      <c r="I13" s="22">
        <v>7</v>
      </c>
      <c r="J13" s="21">
        <v>0</v>
      </c>
      <c r="K13" s="23">
        <v>0</v>
      </c>
      <c r="L13" s="24">
        <v>1</v>
      </c>
      <c r="M13" s="22">
        <v>3</v>
      </c>
      <c r="N13" s="21">
        <v>9</v>
      </c>
      <c r="O13" s="23">
        <v>1590</v>
      </c>
      <c r="P13" s="24">
        <v>3</v>
      </c>
      <c r="Q13" s="27">
        <v>270</v>
      </c>
    </row>
    <row r="14" spans="1:17" ht="20.100000000000001" customHeight="1" x14ac:dyDescent="0.2">
      <c r="A14" s="81"/>
      <c r="B14" s="82"/>
      <c r="C14" s="28" t="s">
        <v>20</v>
      </c>
      <c r="D14" s="29">
        <v>35</v>
      </c>
      <c r="E14" s="30">
        <v>1672</v>
      </c>
      <c r="F14" s="29">
        <v>0</v>
      </c>
      <c r="G14" s="31">
        <v>0</v>
      </c>
      <c r="H14" s="32">
        <v>22</v>
      </c>
      <c r="I14" s="30">
        <v>280</v>
      </c>
      <c r="J14" s="29">
        <v>0</v>
      </c>
      <c r="K14" s="31">
        <v>0</v>
      </c>
      <c r="L14" s="32">
        <v>1</v>
      </c>
      <c r="M14" s="30">
        <v>1</v>
      </c>
      <c r="N14" s="29">
        <v>6</v>
      </c>
      <c r="O14" s="31">
        <v>1324</v>
      </c>
      <c r="P14" s="32">
        <v>6</v>
      </c>
      <c r="Q14" s="35">
        <v>67</v>
      </c>
    </row>
    <row r="15" spans="1:17" ht="20.100000000000001" customHeight="1" x14ac:dyDescent="0.2">
      <c r="A15" s="83">
        <v>1990</v>
      </c>
      <c r="B15" s="85" t="s">
        <v>23</v>
      </c>
      <c r="C15" s="12" t="s">
        <v>18</v>
      </c>
      <c r="D15" s="13">
        <v>28</v>
      </c>
      <c r="E15" s="14">
        <v>2707</v>
      </c>
      <c r="F15" s="13">
        <v>19</v>
      </c>
      <c r="G15" s="15">
        <v>697</v>
      </c>
      <c r="H15" s="16">
        <v>4</v>
      </c>
      <c r="I15" s="14">
        <v>29</v>
      </c>
      <c r="J15" s="13">
        <v>0</v>
      </c>
      <c r="K15" s="15">
        <v>0</v>
      </c>
      <c r="L15" s="17"/>
      <c r="M15" s="18"/>
      <c r="N15" s="13">
        <v>4</v>
      </c>
      <c r="O15" s="15">
        <v>1581</v>
      </c>
      <c r="P15" s="16">
        <v>1</v>
      </c>
      <c r="Q15" s="19">
        <v>400</v>
      </c>
    </row>
    <row r="16" spans="1:17" ht="20.100000000000001" customHeight="1" x14ac:dyDescent="0.2">
      <c r="A16" s="81"/>
      <c r="B16" s="82"/>
      <c r="C16" s="20" t="s">
        <v>19</v>
      </c>
      <c r="D16" s="21">
        <v>26</v>
      </c>
      <c r="E16" s="22">
        <v>2569</v>
      </c>
      <c r="F16" s="21">
        <v>12</v>
      </c>
      <c r="G16" s="23">
        <v>453</v>
      </c>
      <c r="H16" s="24">
        <v>1</v>
      </c>
      <c r="I16" s="22">
        <v>18</v>
      </c>
      <c r="J16" s="21">
        <v>0</v>
      </c>
      <c r="K16" s="23">
        <v>0</v>
      </c>
      <c r="L16" s="25"/>
      <c r="M16" s="26"/>
      <c r="N16" s="21">
        <v>9</v>
      </c>
      <c r="O16" s="23">
        <v>1898</v>
      </c>
      <c r="P16" s="24">
        <v>4</v>
      </c>
      <c r="Q16" s="27">
        <v>200</v>
      </c>
    </row>
    <row r="17" spans="1:17" ht="20.100000000000001" customHeight="1" x14ac:dyDescent="0.2">
      <c r="A17" s="84"/>
      <c r="B17" s="86"/>
      <c r="C17" s="5" t="s">
        <v>20</v>
      </c>
      <c r="D17" s="36">
        <v>28</v>
      </c>
      <c r="E17" s="37">
        <v>1950</v>
      </c>
      <c r="F17" s="36">
        <v>0</v>
      </c>
      <c r="G17" s="38">
        <v>0</v>
      </c>
      <c r="H17" s="39">
        <v>22</v>
      </c>
      <c r="I17" s="37">
        <v>379</v>
      </c>
      <c r="J17" s="36">
        <v>0</v>
      </c>
      <c r="K17" s="38">
        <v>0</v>
      </c>
      <c r="L17" s="47"/>
      <c r="M17" s="48"/>
      <c r="N17" s="36">
        <v>4</v>
      </c>
      <c r="O17" s="38">
        <v>1571</v>
      </c>
      <c r="P17" s="39">
        <v>2</v>
      </c>
      <c r="Q17" s="40">
        <v>0</v>
      </c>
    </row>
    <row r="18" spans="1:17" ht="20.100000000000001" customHeight="1" x14ac:dyDescent="0.2">
      <c r="A18" s="81">
        <v>1991</v>
      </c>
      <c r="B18" s="82" t="s">
        <v>24</v>
      </c>
      <c r="C18" s="41" t="s">
        <v>18</v>
      </c>
      <c r="D18" s="42">
        <v>27</v>
      </c>
      <c r="E18" s="43">
        <v>2087</v>
      </c>
      <c r="F18" s="42">
        <v>18</v>
      </c>
      <c r="G18" s="44">
        <v>710</v>
      </c>
      <c r="H18" s="45">
        <v>3</v>
      </c>
      <c r="I18" s="43">
        <v>38</v>
      </c>
      <c r="J18" s="42">
        <v>1</v>
      </c>
      <c r="K18" s="44">
        <v>1</v>
      </c>
      <c r="L18" s="45">
        <v>1</v>
      </c>
      <c r="M18" s="43">
        <v>8</v>
      </c>
      <c r="N18" s="42">
        <v>3</v>
      </c>
      <c r="O18" s="44">
        <v>930</v>
      </c>
      <c r="P18" s="45">
        <v>1</v>
      </c>
      <c r="Q18" s="46">
        <v>400</v>
      </c>
    </row>
    <row r="19" spans="1:17" ht="20.100000000000001" customHeight="1" x14ac:dyDescent="0.2">
      <c r="A19" s="81"/>
      <c r="B19" s="82"/>
      <c r="C19" s="20" t="s">
        <v>19</v>
      </c>
      <c r="D19" s="21">
        <v>22</v>
      </c>
      <c r="E19" s="22">
        <v>2095</v>
      </c>
      <c r="F19" s="21">
        <v>12</v>
      </c>
      <c r="G19" s="23">
        <v>417</v>
      </c>
      <c r="H19" s="24">
        <v>1</v>
      </c>
      <c r="I19" s="22">
        <v>15</v>
      </c>
      <c r="J19" s="21">
        <v>0</v>
      </c>
      <c r="K19" s="23">
        <v>0</v>
      </c>
      <c r="L19" s="24">
        <v>2</v>
      </c>
      <c r="M19" s="22">
        <v>3</v>
      </c>
      <c r="N19" s="21">
        <v>7</v>
      </c>
      <c r="O19" s="23">
        <v>1660</v>
      </c>
      <c r="P19" s="24">
        <v>0</v>
      </c>
      <c r="Q19" s="27">
        <v>0</v>
      </c>
    </row>
    <row r="20" spans="1:17" ht="20.100000000000001" customHeight="1" x14ac:dyDescent="0.2">
      <c r="A20" s="81"/>
      <c r="B20" s="82"/>
      <c r="C20" s="28" t="s">
        <v>20</v>
      </c>
      <c r="D20" s="29">
        <v>25</v>
      </c>
      <c r="E20" s="30">
        <v>1768</v>
      </c>
      <c r="F20" s="29">
        <v>0</v>
      </c>
      <c r="G20" s="31">
        <v>0</v>
      </c>
      <c r="H20" s="32">
        <v>21</v>
      </c>
      <c r="I20" s="30">
        <v>257</v>
      </c>
      <c r="J20" s="29">
        <v>0</v>
      </c>
      <c r="K20" s="31">
        <v>0</v>
      </c>
      <c r="L20" s="32">
        <v>0</v>
      </c>
      <c r="M20" s="30">
        <v>0</v>
      </c>
      <c r="N20" s="29">
        <v>4</v>
      </c>
      <c r="O20" s="31">
        <v>1511</v>
      </c>
      <c r="P20" s="32">
        <v>0</v>
      </c>
      <c r="Q20" s="35">
        <v>0</v>
      </c>
    </row>
    <row r="21" spans="1:17" ht="20.100000000000001" customHeight="1" x14ac:dyDescent="0.2">
      <c r="A21" s="83">
        <v>1992</v>
      </c>
      <c r="B21" s="85" t="s">
        <v>25</v>
      </c>
      <c r="C21" s="12" t="s">
        <v>18</v>
      </c>
      <c r="D21" s="13">
        <v>25</v>
      </c>
      <c r="E21" s="14">
        <v>2112</v>
      </c>
      <c r="F21" s="13">
        <v>17</v>
      </c>
      <c r="G21" s="15">
        <v>691</v>
      </c>
      <c r="H21" s="16">
        <v>3</v>
      </c>
      <c r="I21" s="14">
        <v>50</v>
      </c>
      <c r="J21" s="13">
        <v>1</v>
      </c>
      <c r="K21" s="15">
        <v>1</v>
      </c>
      <c r="L21" s="16">
        <v>0</v>
      </c>
      <c r="M21" s="14">
        <v>0</v>
      </c>
      <c r="N21" s="13">
        <v>2</v>
      </c>
      <c r="O21" s="15">
        <v>940</v>
      </c>
      <c r="P21" s="16">
        <v>2</v>
      </c>
      <c r="Q21" s="19">
        <v>430</v>
      </c>
    </row>
    <row r="22" spans="1:17" ht="20.100000000000001" customHeight="1" x14ac:dyDescent="0.2">
      <c r="A22" s="81"/>
      <c r="B22" s="82"/>
      <c r="C22" s="20" t="s">
        <v>19</v>
      </c>
      <c r="D22" s="21">
        <v>22</v>
      </c>
      <c r="E22" s="22">
        <v>1962</v>
      </c>
      <c r="F22" s="21">
        <v>11</v>
      </c>
      <c r="G22" s="23">
        <v>417</v>
      </c>
      <c r="H22" s="24">
        <v>1</v>
      </c>
      <c r="I22" s="22">
        <v>25</v>
      </c>
      <c r="J22" s="21">
        <v>1</v>
      </c>
      <c r="K22" s="23">
        <v>5</v>
      </c>
      <c r="L22" s="24">
        <v>1</v>
      </c>
      <c r="M22" s="22">
        <v>5</v>
      </c>
      <c r="N22" s="21">
        <v>7</v>
      </c>
      <c r="O22" s="23">
        <v>1480</v>
      </c>
      <c r="P22" s="24">
        <v>1</v>
      </c>
      <c r="Q22" s="27">
        <v>30</v>
      </c>
    </row>
    <row r="23" spans="1:17" ht="20.100000000000001" customHeight="1" x14ac:dyDescent="0.2">
      <c r="A23" s="84"/>
      <c r="B23" s="86"/>
      <c r="C23" s="5" t="s">
        <v>20</v>
      </c>
      <c r="D23" s="36">
        <v>22</v>
      </c>
      <c r="E23" s="37">
        <v>1589</v>
      </c>
      <c r="F23" s="36">
        <v>0</v>
      </c>
      <c r="G23" s="38">
        <v>0</v>
      </c>
      <c r="H23" s="39">
        <v>19</v>
      </c>
      <c r="I23" s="37">
        <v>289</v>
      </c>
      <c r="J23" s="36">
        <v>0</v>
      </c>
      <c r="K23" s="38">
        <v>0</v>
      </c>
      <c r="L23" s="39">
        <v>0</v>
      </c>
      <c r="M23" s="37">
        <v>0</v>
      </c>
      <c r="N23" s="36">
        <v>3</v>
      </c>
      <c r="O23" s="38">
        <v>1300</v>
      </c>
      <c r="P23" s="39">
        <v>0</v>
      </c>
      <c r="Q23" s="40">
        <v>0</v>
      </c>
    </row>
    <row r="24" spans="1:17" ht="20.100000000000001" customHeight="1" x14ac:dyDescent="0.2">
      <c r="A24" s="81">
        <v>1993</v>
      </c>
      <c r="B24" s="82" t="s">
        <v>26</v>
      </c>
      <c r="C24" s="41" t="s">
        <v>18</v>
      </c>
      <c r="D24" s="42">
        <v>24</v>
      </c>
      <c r="E24" s="43">
        <v>2121</v>
      </c>
      <c r="F24" s="42">
        <v>18</v>
      </c>
      <c r="G24" s="44">
        <v>710</v>
      </c>
      <c r="H24" s="45">
        <v>2</v>
      </c>
      <c r="I24" s="43">
        <v>30</v>
      </c>
      <c r="J24" s="42">
        <v>1</v>
      </c>
      <c r="K24" s="44">
        <v>1</v>
      </c>
      <c r="L24" s="45">
        <v>0</v>
      </c>
      <c r="M24" s="43">
        <v>0</v>
      </c>
      <c r="N24" s="42">
        <v>2</v>
      </c>
      <c r="O24" s="44">
        <v>980</v>
      </c>
      <c r="P24" s="45">
        <v>1</v>
      </c>
      <c r="Q24" s="46">
        <v>400</v>
      </c>
    </row>
    <row r="25" spans="1:17" ht="20.100000000000001" customHeight="1" x14ac:dyDescent="0.2">
      <c r="A25" s="81"/>
      <c r="B25" s="82"/>
      <c r="C25" s="20" t="s">
        <v>19</v>
      </c>
      <c r="D25" s="21">
        <v>27</v>
      </c>
      <c r="E25" s="22">
        <v>1867</v>
      </c>
      <c r="F25" s="21">
        <v>11</v>
      </c>
      <c r="G25" s="23">
        <v>413</v>
      </c>
      <c r="H25" s="24">
        <v>2</v>
      </c>
      <c r="I25" s="22">
        <v>31</v>
      </c>
      <c r="J25" s="21">
        <v>5</v>
      </c>
      <c r="K25" s="23">
        <v>24</v>
      </c>
      <c r="L25" s="24">
        <v>1</v>
      </c>
      <c r="M25" s="22">
        <v>4</v>
      </c>
      <c r="N25" s="21">
        <v>6</v>
      </c>
      <c r="O25" s="23">
        <v>1370</v>
      </c>
      <c r="P25" s="24">
        <v>2</v>
      </c>
      <c r="Q25" s="27">
        <v>25</v>
      </c>
    </row>
    <row r="26" spans="1:17" ht="20.100000000000001" customHeight="1" x14ac:dyDescent="0.2">
      <c r="A26" s="81"/>
      <c r="B26" s="82"/>
      <c r="C26" s="28" t="s">
        <v>20</v>
      </c>
      <c r="D26" s="29">
        <v>26</v>
      </c>
      <c r="E26" s="30">
        <v>1897</v>
      </c>
      <c r="F26" s="29">
        <v>0</v>
      </c>
      <c r="G26" s="31">
        <v>0</v>
      </c>
      <c r="H26" s="32">
        <v>18</v>
      </c>
      <c r="I26" s="30">
        <v>290</v>
      </c>
      <c r="J26" s="29">
        <v>0</v>
      </c>
      <c r="K26" s="31">
        <v>0</v>
      </c>
      <c r="L26" s="32">
        <v>1</v>
      </c>
      <c r="M26" s="30">
        <v>2</v>
      </c>
      <c r="N26" s="29">
        <v>3</v>
      </c>
      <c r="O26" s="31">
        <v>1560</v>
      </c>
      <c r="P26" s="32">
        <v>4</v>
      </c>
      <c r="Q26" s="35">
        <v>45</v>
      </c>
    </row>
    <row r="27" spans="1:17" ht="20.100000000000001" customHeight="1" x14ac:dyDescent="0.2">
      <c r="A27" s="83">
        <v>1994</v>
      </c>
      <c r="B27" s="85" t="s">
        <v>27</v>
      </c>
      <c r="C27" s="12" t="s">
        <v>18</v>
      </c>
      <c r="D27" s="13">
        <v>23</v>
      </c>
      <c r="E27" s="14">
        <v>2039</v>
      </c>
      <c r="F27" s="13">
        <v>17</v>
      </c>
      <c r="G27" s="15">
        <v>613</v>
      </c>
      <c r="H27" s="16">
        <v>2</v>
      </c>
      <c r="I27" s="14">
        <v>25</v>
      </c>
      <c r="J27" s="13">
        <v>1</v>
      </c>
      <c r="K27" s="15">
        <v>1</v>
      </c>
      <c r="L27" s="16">
        <v>0</v>
      </c>
      <c r="M27" s="14">
        <v>0</v>
      </c>
      <c r="N27" s="13">
        <v>2</v>
      </c>
      <c r="O27" s="15">
        <v>1000</v>
      </c>
      <c r="P27" s="16">
        <v>1</v>
      </c>
      <c r="Q27" s="19">
        <v>400</v>
      </c>
    </row>
    <row r="28" spans="1:17" ht="20.100000000000001" customHeight="1" x14ac:dyDescent="0.2">
      <c r="A28" s="81"/>
      <c r="B28" s="82"/>
      <c r="C28" s="20" t="s">
        <v>19</v>
      </c>
      <c r="D28" s="21">
        <v>23</v>
      </c>
      <c r="E28" s="22">
        <v>1815</v>
      </c>
      <c r="F28" s="21">
        <v>10</v>
      </c>
      <c r="G28" s="23">
        <v>393</v>
      </c>
      <c r="H28" s="24">
        <v>1</v>
      </c>
      <c r="I28" s="22">
        <v>30</v>
      </c>
      <c r="J28" s="21">
        <v>5</v>
      </c>
      <c r="K28" s="23">
        <v>28</v>
      </c>
      <c r="L28" s="24">
        <v>1</v>
      </c>
      <c r="M28" s="22">
        <v>4</v>
      </c>
      <c r="N28" s="21">
        <v>5</v>
      </c>
      <c r="O28" s="23">
        <v>1330</v>
      </c>
      <c r="P28" s="24">
        <v>1</v>
      </c>
      <c r="Q28" s="27">
        <v>30</v>
      </c>
    </row>
    <row r="29" spans="1:17" ht="20.100000000000001" customHeight="1" x14ac:dyDescent="0.2">
      <c r="A29" s="84"/>
      <c r="B29" s="86"/>
      <c r="C29" s="5" t="s">
        <v>20</v>
      </c>
      <c r="D29" s="36">
        <v>22</v>
      </c>
      <c r="E29" s="37">
        <v>1882</v>
      </c>
      <c r="F29" s="36">
        <v>0</v>
      </c>
      <c r="G29" s="38">
        <v>0</v>
      </c>
      <c r="H29" s="39">
        <v>16</v>
      </c>
      <c r="I29" s="37">
        <v>277</v>
      </c>
      <c r="J29" s="36">
        <v>0</v>
      </c>
      <c r="K29" s="38">
        <v>0</v>
      </c>
      <c r="L29" s="39">
        <v>0</v>
      </c>
      <c r="M29" s="37">
        <v>0</v>
      </c>
      <c r="N29" s="36">
        <v>3</v>
      </c>
      <c r="O29" s="38">
        <v>1545</v>
      </c>
      <c r="P29" s="39">
        <v>3</v>
      </c>
      <c r="Q29" s="40">
        <v>60</v>
      </c>
    </row>
    <row r="30" spans="1:17" ht="20.100000000000001" customHeight="1" x14ac:dyDescent="0.2">
      <c r="A30" s="81">
        <v>1995</v>
      </c>
      <c r="B30" s="82" t="s">
        <v>28</v>
      </c>
      <c r="C30" s="41" t="s">
        <v>18</v>
      </c>
      <c r="D30" s="42">
        <v>26</v>
      </c>
      <c r="E30" s="43">
        <v>2181</v>
      </c>
      <c r="F30" s="42">
        <v>19</v>
      </c>
      <c r="G30" s="44">
        <v>851</v>
      </c>
      <c r="H30" s="45">
        <v>3</v>
      </c>
      <c r="I30" s="43">
        <v>40</v>
      </c>
      <c r="J30" s="42">
        <v>1</v>
      </c>
      <c r="K30" s="44">
        <v>20</v>
      </c>
      <c r="L30" s="49"/>
      <c r="M30" s="50"/>
      <c r="N30" s="42">
        <v>1</v>
      </c>
      <c r="O30" s="44">
        <v>870</v>
      </c>
      <c r="P30" s="45">
        <v>2</v>
      </c>
      <c r="Q30" s="46">
        <v>400</v>
      </c>
    </row>
    <row r="31" spans="1:17" ht="20.100000000000001" customHeight="1" x14ac:dyDescent="0.2">
      <c r="A31" s="81"/>
      <c r="B31" s="82"/>
      <c r="C31" s="20" t="s">
        <v>19</v>
      </c>
      <c r="D31" s="21">
        <v>18</v>
      </c>
      <c r="E31" s="22">
        <v>1472</v>
      </c>
      <c r="F31" s="21">
        <v>9</v>
      </c>
      <c r="G31" s="23">
        <v>369</v>
      </c>
      <c r="H31" s="24">
        <v>1</v>
      </c>
      <c r="I31" s="22">
        <v>25</v>
      </c>
      <c r="J31" s="21">
        <v>3</v>
      </c>
      <c r="K31" s="23">
        <v>8</v>
      </c>
      <c r="L31" s="25"/>
      <c r="M31" s="26"/>
      <c r="N31" s="21">
        <v>4</v>
      </c>
      <c r="O31" s="23">
        <v>1070</v>
      </c>
      <c r="P31" s="24">
        <v>1</v>
      </c>
      <c r="Q31" s="27">
        <v>0</v>
      </c>
    </row>
    <row r="32" spans="1:17" ht="20.100000000000001" customHeight="1" x14ac:dyDescent="0.2">
      <c r="A32" s="81"/>
      <c r="B32" s="82"/>
      <c r="C32" s="28" t="s">
        <v>20</v>
      </c>
      <c r="D32" s="29">
        <v>17</v>
      </c>
      <c r="E32" s="30">
        <v>1528</v>
      </c>
      <c r="F32" s="29">
        <v>0</v>
      </c>
      <c r="G32" s="31">
        <v>0</v>
      </c>
      <c r="H32" s="32">
        <v>14</v>
      </c>
      <c r="I32" s="30">
        <v>268</v>
      </c>
      <c r="J32" s="29">
        <v>0</v>
      </c>
      <c r="K32" s="31">
        <v>0</v>
      </c>
      <c r="L32" s="33"/>
      <c r="M32" s="34"/>
      <c r="N32" s="29">
        <v>3</v>
      </c>
      <c r="O32" s="31">
        <v>1260</v>
      </c>
      <c r="P32" s="32">
        <v>0</v>
      </c>
      <c r="Q32" s="35">
        <v>0</v>
      </c>
    </row>
    <row r="33" spans="1:17" ht="20.100000000000001" customHeight="1" x14ac:dyDescent="0.2">
      <c r="A33" s="83">
        <v>1996</v>
      </c>
      <c r="B33" s="85" t="s">
        <v>29</v>
      </c>
      <c r="C33" s="12" t="s">
        <v>30</v>
      </c>
      <c r="D33" s="13">
        <v>19</v>
      </c>
      <c r="E33" s="14">
        <v>1750</v>
      </c>
      <c r="F33" s="13">
        <v>15</v>
      </c>
      <c r="G33" s="15">
        <v>630</v>
      </c>
      <c r="H33" s="16">
        <v>2</v>
      </c>
      <c r="I33" s="14">
        <v>20</v>
      </c>
      <c r="J33" s="13">
        <v>0</v>
      </c>
      <c r="K33" s="15">
        <v>0</v>
      </c>
      <c r="L33" s="16">
        <v>0</v>
      </c>
      <c r="M33" s="14">
        <v>0</v>
      </c>
      <c r="N33" s="13">
        <v>1</v>
      </c>
      <c r="O33" s="15">
        <v>850</v>
      </c>
      <c r="P33" s="16">
        <v>1</v>
      </c>
      <c r="Q33" s="19">
        <v>250</v>
      </c>
    </row>
    <row r="34" spans="1:17" ht="20.100000000000001" customHeight="1" x14ac:dyDescent="0.2">
      <c r="A34" s="81"/>
      <c r="B34" s="82"/>
      <c r="C34" s="20" t="s">
        <v>19</v>
      </c>
      <c r="D34" s="21">
        <v>16</v>
      </c>
      <c r="E34" s="22">
        <v>1346</v>
      </c>
      <c r="F34" s="21">
        <v>7</v>
      </c>
      <c r="G34" s="23">
        <v>342</v>
      </c>
      <c r="H34" s="24">
        <v>1</v>
      </c>
      <c r="I34" s="22">
        <v>40</v>
      </c>
      <c r="J34" s="21">
        <v>3</v>
      </c>
      <c r="K34" s="23">
        <v>24</v>
      </c>
      <c r="L34" s="24">
        <v>0</v>
      </c>
      <c r="M34" s="22">
        <v>0</v>
      </c>
      <c r="N34" s="21">
        <v>4</v>
      </c>
      <c r="O34" s="23">
        <v>910</v>
      </c>
      <c r="P34" s="24">
        <v>1</v>
      </c>
      <c r="Q34" s="27">
        <v>30</v>
      </c>
    </row>
    <row r="35" spans="1:17" ht="20.100000000000001" customHeight="1" x14ac:dyDescent="0.2">
      <c r="A35" s="84"/>
      <c r="B35" s="86"/>
      <c r="C35" s="5" t="s">
        <v>20</v>
      </c>
      <c r="D35" s="36">
        <v>18</v>
      </c>
      <c r="E35" s="37">
        <v>1798</v>
      </c>
      <c r="F35" s="36">
        <v>0</v>
      </c>
      <c r="G35" s="38">
        <v>0</v>
      </c>
      <c r="H35" s="39">
        <v>13</v>
      </c>
      <c r="I35" s="37">
        <v>268</v>
      </c>
      <c r="J35" s="36">
        <v>0</v>
      </c>
      <c r="K35" s="38">
        <v>0</v>
      </c>
      <c r="L35" s="39">
        <v>0</v>
      </c>
      <c r="M35" s="37">
        <v>0</v>
      </c>
      <c r="N35" s="36">
        <v>3</v>
      </c>
      <c r="O35" s="38">
        <v>1510</v>
      </c>
      <c r="P35" s="39">
        <v>2</v>
      </c>
      <c r="Q35" s="40">
        <v>20</v>
      </c>
    </row>
    <row r="36" spans="1:17" ht="20.100000000000001" customHeight="1" x14ac:dyDescent="0.2">
      <c r="A36" s="81">
        <v>1997</v>
      </c>
      <c r="B36" s="82" t="s">
        <v>31</v>
      </c>
      <c r="C36" s="41" t="s">
        <v>30</v>
      </c>
      <c r="D36" s="42">
        <v>18</v>
      </c>
      <c r="E36" s="43">
        <v>1573</v>
      </c>
      <c r="F36" s="42">
        <v>15</v>
      </c>
      <c r="G36" s="44">
        <v>655</v>
      </c>
      <c r="H36" s="45">
        <v>2</v>
      </c>
      <c r="I36" s="43">
        <v>18</v>
      </c>
      <c r="J36" s="42">
        <v>0</v>
      </c>
      <c r="K36" s="44">
        <v>0</v>
      </c>
      <c r="L36" s="45">
        <v>0</v>
      </c>
      <c r="M36" s="43">
        <v>0</v>
      </c>
      <c r="N36" s="42">
        <v>1</v>
      </c>
      <c r="O36" s="44">
        <v>900</v>
      </c>
      <c r="P36" s="45">
        <v>0</v>
      </c>
      <c r="Q36" s="46">
        <v>0</v>
      </c>
    </row>
    <row r="37" spans="1:17" ht="20.100000000000001" customHeight="1" x14ac:dyDescent="0.2">
      <c r="A37" s="81"/>
      <c r="B37" s="82"/>
      <c r="C37" s="20" t="s">
        <v>19</v>
      </c>
      <c r="D37" s="21">
        <v>14</v>
      </c>
      <c r="E37" s="22">
        <v>1117</v>
      </c>
      <c r="F37" s="21">
        <v>7</v>
      </c>
      <c r="G37" s="23">
        <v>234</v>
      </c>
      <c r="H37" s="24">
        <v>0</v>
      </c>
      <c r="I37" s="22">
        <v>0</v>
      </c>
      <c r="J37" s="21">
        <v>3</v>
      </c>
      <c r="K37" s="23">
        <v>23</v>
      </c>
      <c r="L37" s="24">
        <v>0</v>
      </c>
      <c r="M37" s="22">
        <v>0</v>
      </c>
      <c r="N37" s="21">
        <v>3</v>
      </c>
      <c r="O37" s="23">
        <v>830</v>
      </c>
      <c r="P37" s="24">
        <v>1</v>
      </c>
      <c r="Q37" s="27">
        <v>30</v>
      </c>
    </row>
    <row r="38" spans="1:17" ht="20.100000000000001" customHeight="1" x14ac:dyDescent="0.2">
      <c r="A38" s="81"/>
      <c r="B38" s="82"/>
      <c r="C38" s="28" t="s">
        <v>20</v>
      </c>
      <c r="D38" s="29">
        <v>19</v>
      </c>
      <c r="E38" s="30">
        <v>1906</v>
      </c>
      <c r="F38" s="29">
        <v>0</v>
      </c>
      <c r="G38" s="31">
        <v>0</v>
      </c>
      <c r="H38" s="32">
        <v>13</v>
      </c>
      <c r="I38" s="30">
        <v>256</v>
      </c>
      <c r="J38" s="29">
        <v>0</v>
      </c>
      <c r="K38" s="31">
        <v>0</v>
      </c>
      <c r="L38" s="32">
        <v>0</v>
      </c>
      <c r="M38" s="30">
        <v>0</v>
      </c>
      <c r="N38" s="29">
        <v>3</v>
      </c>
      <c r="O38" s="31">
        <v>1530</v>
      </c>
      <c r="P38" s="32">
        <v>3</v>
      </c>
      <c r="Q38" s="35">
        <v>120</v>
      </c>
    </row>
    <row r="39" spans="1:17" ht="20.100000000000001" customHeight="1" x14ac:dyDescent="0.2">
      <c r="A39" s="83">
        <v>1998</v>
      </c>
      <c r="B39" s="85" t="s">
        <v>32</v>
      </c>
      <c r="C39" s="12" t="s">
        <v>30</v>
      </c>
      <c r="D39" s="13">
        <v>24</v>
      </c>
      <c r="E39" s="14">
        <v>807</v>
      </c>
      <c r="F39" s="13">
        <v>13</v>
      </c>
      <c r="G39" s="15">
        <v>631</v>
      </c>
      <c r="H39" s="16">
        <v>3</v>
      </c>
      <c r="I39" s="14">
        <v>59</v>
      </c>
      <c r="J39" s="13">
        <v>3</v>
      </c>
      <c r="K39" s="15">
        <v>19</v>
      </c>
      <c r="L39" s="16">
        <v>1</v>
      </c>
      <c r="M39" s="51" t="s">
        <v>33</v>
      </c>
      <c r="N39" s="13">
        <v>1</v>
      </c>
      <c r="O39" s="52" t="s">
        <v>33</v>
      </c>
      <c r="P39" s="16">
        <v>3</v>
      </c>
      <c r="Q39" s="19">
        <v>98</v>
      </c>
    </row>
    <row r="40" spans="1:17" ht="20.100000000000001" customHeight="1" x14ac:dyDescent="0.2">
      <c r="A40" s="81"/>
      <c r="B40" s="82"/>
      <c r="C40" s="20" t="s">
        <v>19</v>
      </c>
      <c r="D40" s="21">
        <v>15</v>
      </c>
      <c r="E40" s="22">
        <v>1300</v>
      </c>
      <c r="F40" s="21">
        <v>7</v>
      </c>
      <c r="G40" s="23">
        <v>277</v>
      </c>
      <c r="H40" s="24">
        <v>0</v>
      </c>
      <c r="I40" s="22">
        <v>0</v>
      </c>
      <c r="J40" s="21">
        <v>3</v>
      </c>
      <c r="K40" s="23">
        <v>18</v>
      </c>
      <c r="L40" s="24">
        <v>0</v>
      </c>
      <c r="M40" s="22">
        <v>0</v>
      </c>
      <c r="N40" s="21">
        <v>3</v>
      </c>
      <c r="O40" s="23">
        <v>960</v>
      </c>
      <c r="P40" s="24">
        <v>2</v>
      </c>
      <c r="Q40" s="27">
        <v>45</v>
      </c>
    </row>
    <row r="41" spans="1:17" ht="20.100000000000001" customHeight="1" x14ac:dyDescent="0.2">
      <c r="A41" s="84"/>
      <c r="B41" s="86"/>
      <c r="C41" s="5" t="s">
        <v>20</v>
      </c>
      <c r="D41" s="36">
        <v>15</v>
      </c>
      <c r="E41" s="37">
        <v>1036</v>
      </c>
      <c r="F41" s="36">
        <v>0</v>
      </c>
      <c r="G41" s="38">
        <v>0</v>
      </c>
      <c r="H41" s="39">
        <v>12</v>
      </c>
      <c r="I41" s="37">
        <v>266</v>
      </c>
      <c r="J41" s="36">
        <v>0</v>
      </c>
      <c r="K41" s="38">
        <v>0</v>
      </c>
      <c r="L41" s="39">
        <v>0</v>
      </c>
      <c r="M41" s="37">
        <v>0</v>
      </c>
      <c r="N41" s="36">
        <v>2</v>
      </c>
      <c r="O41" s="38">
        <v>770</v>
      </c>
      <c r="P41" s="39">
        <v>1</v>
      </c>
      <c r="Q41" s="53" t="s">
        <v>33</v>
      </c>
    </row>
    <row r="42" spans="1:17" ht="20.100000000000001" customHeight="1" x14ac:dyDescent="0.2">
      <c r="A42" s="81">
        <v>1999</v>
      </c>
      <c r="B42" s="82" t="s">
        <v>34</v>
      </c>
      <c r="C42" s="41" t="s">
        <v>30</v>
      </c>
      <c r="D42" s="42">
        <v>20</v>
      </c>
      <c r="E42" s="43">
        <v>1737</v>
      </c>
      <c r="F42" s="42">
        <v>12</v>
      </c>
      <c r="G42" s="44">
        <v>637</v>
      </c>
      <c r="H42" s="45">
        <v>2</v>
      </c>
      <c r="I42" s="43">
        <v>19</v>
      </c>
      <c r="J42" s="42">
        <v>2</v>
      </c>
      <c r="K42" s="44">
        <v>18</v>
      </c>
      <c r="L42" s="45">
        <v>1</v>
      </c>
      <c r="M42" s="43">
        <v>5</v>
      </c>
      <c r="N42" s="42">
        <v>1</v>
      </c>
      <c r="O42" s="44">
        <v>998</v>
      </c>
      <c r="P42" s="45">
        <v>2</v>
      </c>
      <c r="Q42" s="46">
        <v>60</v>
      </c>
    </row>
    <row r="43" spans="1:17" ht="20.100000000000001" customHeight="1" x14ac:dyDescent="0.2">
      <c r="A43" s="81"/>
      <c r="B43" s="82"/>
      <c r="C43" s="20" t="s">
        <v>19</v>
      </c>
      <c r="D43" s="21">
        <v>10</v>
      </c>
      <c r="E43" s="22">
        <v>953</v>
      </c>
      <c r="F43" s="21">
        <v>5</v>
      </c>
      <c r="G43" s="23">
        <v>198</v>
      </c>
      <c r="H43" s="24">
        <v>0</v>
      </c>
      <c r="I43" s="22">
        <v>0</v>
      </c>
      <c r="J43" s="21">
        <v>2</v>
      </c>
      <c r="K43" s="23">
        <v>25</v>
      </c>
      <c r="L43" s="24">
        <v>0</v>
      </c>
      <c r="M43" s="22">
        <v>0</v>
      </c>
      <c r="N43" s="21">
        <v>2</v>
      </c>
      <c r="O43" s="23">
        <v>700</v>
      </c>
      <c r="P43" s="24">
        <v>1</v>
      </c>
      <c r="Q43" s="27">
        <v>30</v>
      </c>
    </row>
    <row r="44" spans="1:17" ht="20.100000000000001" customHeight="1" x14ac:dyDescent="0.2">
      <c r="A44" s="81"/>
      <c r="B44" s="82"/>
      <c r="C44" s="28" t="s">
        <v>20</v>
      </c>
      <c r="D44" s="29">
        <v>16</v>
      </c>
      <c r="E44" s="30">
        <v>1228</v>
      </c>
      <c r="F44" s="29">
        <v>0</v>
      </c>
      <c r="G44" s="31">
        <v>0</v>
      </c>
      <c r="H44" s="32">
        <v>12</v>
      </c>
      <c r="I44" s="30">
        <v>248</v>
      </c>
      <c r="J44" s="29">
        <v>0</v>
      </c>
      <c r="K44" s="31">
        <v>0</v>
      </c>
      <c r="L44" s="32">
        <v>0</v>
      </c>
      <c r="M44" s="30">
        <v>0</v>
      </c>
      <c r="N44" s="29">
        <v>3</v>
      </c>
      <c r="O44" s="31">
        <v>950</v>
      </c>
      <c r="P44" s="32">
        <v>1</v>
      </c>
      <c r="Q44" s="35">
        <v>30</v>
      </c>
    </row>
    <row r="45" spans="1:17" ht="20.100000000000001" customHeight="1" x14ac:dyDescent="0.2">
      <c r="A45" s="83">
        <v>2000</v>
      </c>
      <c r="B45" s="85" t="s">
        <v>35</v>
      </c>
      <c r="C45" s="12" t="s">
        <v>30</v>
      </c>
      <c r="D45" s="13">
        <v>18</v>
      </c>
      <c r="E45" s="14">
        <v>718</v>
      </c>
      <c r="F45" s="13">
        <v>11</v>
      </c>
      <c r="G45" s="15">
        <v>692</v>
      </c>
      <c r="H45" s="16">
        <v>3</v>
      </c>
      <c r="I45" s="14">
        <v>26</v>
      </c>
      <c r="J45" s="13">
        <v>2</v>
      </c>
      <c r="K45" s="52" t="s">
        <v>33</v>
      </c>
      <c r="L45" s="17"/>
      <c r="M45" s="18"/>
      <c r="N45" s="13">
        <v>1</v>
      </c>
      <c r="O45" s="52" t="s">
        <v>33</v>
      </c>
      <c r="P45" s="16">
        <v>1</v>
      </c>
      <c r="Q45" s="54" t="s">
        <v>33</v>
      </c>
    </row>
    <row r="46" spans="1:17" ht="20.100000000000001" customHeight="1" x14ac:dyDescent="0.2">
      <c r="A46" s="81"/>
      <c r="B46" s="82"/>
      <c r="C46" s="20" t="s">
        <v>19</v>
      </c>
      <c r="D46" s="21">
        <v>5</v>
      </c>
      <c r="E46" s="22">
        <v>288</v>
      </c>
      <c r="F46" s="21">
        <v>5</v>
      </c>
      <c r="G46" s="23">
        <v>288</v>
      </c>
      <c r="H46" s="24">
        <v>0</v>
      </c>
      <c r="I46" s="22">
        <v>0</v>
      </c>
      <c r="J46" s="21">
        <v>0</v>
      </c>
      <c r="K46" s="23">
        <v>0</v>
      </c>
      <c r="L46" s="25"/>
      <c r="M46" s="26"/>
      <c r="N46" s="21">
        <v>0</v>
      </c>
      <c r="O46" s="23">
        <v>0</v>
      </c>
      <c r="P46" s="24">
        <v>0</v>
      </c>
      <c r="Q46" s="55">
        <v>0</v>
      </c>
    </row>
    <row r="47" spans="1:17" ht="20.100000000000001" customHeight="1" x14ac:dyDescent="0.2">
      <c r="A47" s="84"/>
      <c r="B47" s="86"/>
      <c r="C47" s="5" t="s">
        <v>20</v>
      </c>
      <c r="D47" s="36">
        <v>17</v>
      </c>
      <c r="E47" s="37">
        <v>1284</v>
      </c>
      <c r="F47" s="36">
        <v>0</v>
      </c>
      <c r="G47" s="38">
        <v>0</v>
      </c>
      <c r="H47" s="39">
        <v>13</v>
      </c>
      <c r="I47" s="37">
        <v>272</v>
      </c>
      <c r="J47" s="36">
        <v>0</v>
      </c>
      <c r="K47" s="38">
        <v>0</v>
      </c>
      <c r="L47" s="47"/>
      <c r="M47" s="48"/>
      <c r="N47" s="36">
        <v>3</v>
      </c>
      <c r="O47" s="38">
        <v>1012</v>
      </c>
      <c r="P47" s="39">
        <v>1</v>
      </c>
      <c r="Q47" s="53" t="s">
        <v>33</v>
      </c>
    </row>
    <row r="48" spans="1:17" ht="20.100000000000001" customHeight="1" x14ac:dyDescent="0.2">
      <c r="A48" s="83">
        <v>2005</v>
      </c>
      <c r="B48" s="85" t="s">
        <v>36</v>
      </c>
      <c r="C48" s="12" t="s">
        <v>37</v>
      </c>
      <c r="D48" s="13">
        <v>15</v>
      </c>
      <c r="E48" s="14">
        <v>666</v>
      </c>
      <c r="F48" s="13">
        <v>7</v>
      </c>
      <c r="G48" s="15">
        <v>591</v>
      </c>
      <c r="H48" s="16">
        <v>3</v>
      </c>
      <c r="I48" s="14">
        <v>75</v>
      </c>
      <c r="J48" s="13">
        <v>2</v>
      </c>
      <c r="K48" s="52" t="s">
        <v>33</v>
      </c>
      <c r="L48" s="17"/>
      <c r="M48" s="18"/>
      <c r="N48" s="13">
        <v>1</v>
      </c>
      <c r="O48" s="52" t="s">
        <v>33</v>
      </c>
      <c r="P48" s="16">
        <v>2</v>
      </c>
      <c r="Q48" s="54" t="s">
        <v>33</v>
      </c>
    </row>
    <row r="49" spans="1:17" ht="20.100000000000001" customHeight="1" x14ac:dyDescent="0.2">
      <c r="A49" s="81"/>
      <c r="B49" s="82"/>
      <c r="C49" s="20" t="s">
        <v>38</v>
      </c>
      <c r="D49" s="21">
        <v>5</v>
      </c>
      <c r="E49" s="22">
        <v>272</v>
      </c>
      <c r="F49" s="21">
        <v>4</v>
      </c>
      <c r="G49" s="23">
        <v>272</v>
      </c>
      <c r="H49" s="24">
        <v>0</v>
      </c>
      <c r="I49" s="22">
        <v>0</v>
      </c>
      <c r="J49" s="21">
        <v>1</v>
      </c>
      <c r="K49" s="56" t="s">
        <v>33</v>
      </c>
      <c r="L49" s="25"/>
      <c r="M49" s="26"/>
      <c r="N49" s="21">
        <v>0</v>
      </c>
      <c r="O49" s="56">
        <v>0</v>
      </c>
      <c r="P49" s="24">
        <v>0</v>
      </c>
      <c r="Q49" s="55">
        <v>0</v>
      </c>
    </row>
    <row r="50" spans="1:17" ht="20.100000000000001" customHeight="1" x14ac:dyDescent="0.2">
      <c r="A50" s="84"/>
      <c r="B50" s="86"/>
      <c r="C50" s="5" t="s">
        <v>39</v>
      </c>
      <c r="D50" s="36">
        <v>14</v>
      </c>
      <c r="E50" s="37">
        <v>287</v>
      </c>
      <c r="F50" s="36">
        <v>0</v>
      </c>
      <c r="G50" s="38">
        <v>0</v>
      </c>
      <c r="H50" s="39">
        <v>12</v>
      </c>
      <c r="I50" s="37">
        <v>287</v>
      </c>
      <c r="J50" s="36">
        <v>0</v>
      </c>
      <c r="K50" s="38">
        <v>0</v>
      </c>
      <c r="L50" s="47"/>
      <c r="M50" s="48"/>
      <c r="N50" s="36">
        <v>2</v>
      </c>
      <c r="O50" s="57" t="s">
        <v>33</v>
      </c>
      <c r="P50" s="39">
        <v>0</v>
      </c>
      <c r="Q50" s="53">
        <v>0</v>
      </c>
    </row>
    <row r="51" spans="1:17" ht="20.100000000000001" customHeight="1" x14ac:dyDescent="0.2">
      <c r="A51" s="81">
        <v>2010</v>
      </c>
      <c r="B51" s="82" t="s">
        <v>40</v>
      </c>
      <c r="C51" s="41" t="s">
        <v>37</v>
      </c>
      <c r="D51" s="42">
        <v>13</v>
      </c>
      <c r="E51" s="43">
        <v>456</v>
      </c>
      <c r="F51" s="42">
        <v>6</v>
      </c>
      <c r="G51" s="44">
        <v>406</v>
      </c>
      <c r="H51" s="45">
        <v>3</v>
      </c>
      <c r="I51" s="43">
        <v>50</v>
      </c>
      <c r="J51" s="58"/>
      <c r="K51" s="59"/>
      <c r="L51" s="49"/>
      <c r="M51" s="50"/>
      <c r="N51" s="42">
        <v>1</v>
      </c>
      <c r="O51" s="60" t="s">
        <v>33</v>
      </c>
      <c r="P51" s="45">
        <v>3</v>
      </c>
      <c r="Q51" s="61" t="s">
        <v>33</v>
      </c>
    </row>
    <row r="52" spans="1:17" ht="20.100000000000001" customHeight="1" x14ac:dyDescent="0.2">
      <c r="A52" s="81"/>
      <c r="B52" s="82"/>
      <c r="C52" s="20" t="s">
        <v>38</v>
      </c>
      <c r="D52" s="21">
        <v>4</v>
      </c>
      <c r="E52" s="22">
        <v>0</v>
      </c>
      <c r="F52" s="21">
        <v>3</v>
      </c>
      <c r="G52" s="56" t="s">
        <v>33</v>
      </c>
      <c r="H52" s="24">
        <v>0</v>
      </c>
      <c r="I52" s="22">
        <v>0</v>
      </c>
      <c r="J52" s="62"/>
      <c r="K52" s="63"/>
      <c r="L52" s="25"/>
      <c r="M52" s="26"/>
      <c r="N52" s="21">
        <v>0</v>
      </c>
      <c r="O52" s="56">
        <v>0</v>
      </c>
      <c r="P52" s="24">
        <v>1</v>
      </c>
      <c r="Q52" s="55" t="s">
        <v>33</v>
      </c>
    </row>
    <row r="53" spans="1:17" ht="20.100000000000001" customHeight="1" x14ac:dyDescent="0.2">
      <c r="A53" s="81"/>
      <c r="B53" s="82"/>
      <c r="C53" s="28" t="s">
        <v>39</v>
      </c>
      <c r="D53" s="29">
        <v>14</v>
      </c>
      <c r="E53" s="30">
        <v>287</v>
      </c>
      <c r="F53" s="29">
        <v>1</v>
      </c>
      <c r="G53" s="64" t="s">
        <v>33</v>
      </c>
      <c r="H53" s="32">
        <v>11</v>
      </c>
      <c r="I53" s="30">
        <v>287</v>
      </c>
      <c r="J53" s="65"/>
      <c r="K53" s="66"/>
      <c r="L53" s="33"/>
      <c r="M53" s="34"/>
      <c r="N53" s="29">
        <v>2</v>
      </c>
      <c r="O53" s="64" t="s">
        <v>33</v>
      </c>
      <c r="P53" s="32">
        <v>0</v>
      </c>
      <c r="Q53" s="67">
        <v>0</v>
      </c>
    </row>
    <row r="54" spans="1:17" ht="20.100000000000001" customHeight="1" x14ac:dyDescent="0.2">
      <c r="A54" s="83">
        <v>2015</v>
      </c>
      <c r="B54" s="85" t="s">
        <v>41</v>
      </c>
      <c r="C54" s="12" t="s">
        <v>37</v>
      </c>
      <c r="D54" s="13">
        <v>10</v>
      </c>
      <c r="E54" s="52" t="s">
        <v>42</v>
      </c>
      <c r="F54" s="13">
        <v>4</v>
      </c>
      <c r="G54" s="52" t="s">
        <v>42</v>
      </c>
      <c r="H54" s="16">
        <v>4</v>
      </c>
      <c r="I54" s="52" t="s">
        <v>42</v>
      </c>
      <c r="J54" s="68"/>
      <c r="K54" s="69"/>
      <c r="L54" s="17"/>
      <c r="M54" s="18"/>
      <c r="N54" s="13">
        <v>0</v>
      </c>
      <c r="O54" s="52">
        <v>0</v>
      </c>
      <c r="P54" s="16">
        <v>2</v>
      </c>
      <c r="Q54" s="54" t="s">
        <v>42</v>
      </c>
    </row>
    <row r="55" spans="1:17" ht="20.100000000000001" customHeight="1" x14ac:dyDescent="0.2">
      <c r="A55" s="81"/>
      <c r="B55" s="82"/>
      <c r="C55" s="20" t="s">
        <v>38</v>
      </c>
      <c r="D55" s="21">
        <v>5</v>
      </c>
      <c r="E55" s="56" t="s">
        <v>42</v>
      </c>
      <c r="F55" s="21">
        <v>3</v>
      </c>
      <c r="G55" s="56" t="s">
        <v>42</v>
      </c>
      <c r="H55" s="24">
        <v>1</v>
      </c>
      <c r="I55" s="56" t="s">
        <v>42</v>
      </c>
      <c r="J55" s="62"/>
      <c r="K55" s="63"/>
      <c r="L55" s="25"/>
      <c r="M55" s="26"/>
      <c r="N55" s="21">
        <v>1</v>
      </c>
      <c r="O55" s="56" t="s">
        <v>42</v>
      </c>
      <c r="P55" s="24">
        <v>0</v>
      </c>
      <c r="Q55" s="55">
        <v>0</v>
      </c>
    </row>
    <row r="56" spans="1:17" ht="20.100000000000001" customHeight="1" x14ac:dyDescent="0.2">
      <c r="A56" s="84"/>
      <c r="B56" s="82"/>
      <c r="C56" s="28" t="s">
        <v>39</v>
      </c>
      <c r="D56" s="29">
        <v>13</v>
      </c>
      <c r="E56" s="64" t="s">
        <v>42</v>
      </c>
      <c r="F56" s="29">
        <v>1</v>
      </c>
      <c r="G56" s="57" t="s">
        <v>42</v>
      </c>
      <c r="H56" s="32">
        <v>10</v>
      </c>
      <c r="I56" s="64" t="s">
        <v>42</v>
      </c>
      <c r="J56" s="65"/>
      <c r="K56" s="79"/>
      <c r="L56" s="80"/>
      <c r="M56" s="79"/>
      <c r="N56" s="36">
        <v>2</v>
      </c>
      <c r="O56" s="57" t="s">
        <v>33</v>
      </c>
      <c r="P56" s="36">
        <v>0</v>
      </c>
      <c r="Q56" s="67">
        <v>0</v>
      </c>
    </row>
    <row r="57" spans="1:17" ht="20.100000000000001" customHeight="1" x14ac:dyDescent="0.2">
      <c r="A57" s="81">
        <v>2020</v>
      </c>
      <c r="B57" s="85" t="s">
        <v>48</v>
      </c>
      <c r="C57" s="12" t="s">
        <v>37</v>
      </c>
      <c r="D57" s="13">
        <v>11</v>
      </c>
      <c r="E57" s="52">
        <v>92</v>
      </c>
      <c r="F57" s="13">
        <v>4</v>
      </c>
      <c r="G57" s="60" t="s">
        <v>42</v>
      </c>
      <c r="H57" s="13">
        <v>5</v>
      </c>
      <c r="I57" s="52">
        <v>92</v>
      </c>
      <c r="J57" s="68"/>
      <c r="K57" s="59"/>
      <c r="L57" s="49"/>
      <c r="M57" s="50"/>
      <c r="N57" s="42">
        <v>0</v>
      </c>
      <c r="O57" s="60">
        <v>0</v>
      </c>
      <c r="P57" s="45">
        <v>2</v>
      </c>
      <c r="Q57" s="54" t="s">
        <v>42</v>
      </c>
    </row>
    <row r="58" spans="1:17" ht="20.100000000000001" customHeight="1" x14ac:dyDescent="0.2">
      <c r="A58" s="81"/>
      <c r="B58" s="82"/>
      <c r="C58" s="20" t="s">
        <v>38</v>
      </c>
      <c r="D58" s="21">
        <v>5</v>
      </c>
      <c r="E58" s="56" t="s">
        <v>42</v>
      </c>
      <c r="F58" s="21">
        <v>3</v>
      </c>
      <c r="G58" s="56" t="s">
        <v>42</v>
      </c>
      <c r="H58" s="24">
        <v>0</v>
      </c>
      <c r="I58" s="56">
        <v>0</v>
      </c>
      <c r="J58" s="62"/>
      <c r="K58" s="63"/>
      <c r="L58" s="25"/>
      <c r="M58" s="26"/>
      <c r="N58" s="21">
        <v>1</v>
      </c>
      <c r="O58" s="56" t="s">
        <v>42</v>
      </c>
      <c r="P58" s="24">
        <v>1</v>
      </c>
      <c r="Q58" s="55" t="s">
        <v>49</v>
      </c>
    </row>
    <row r="59" spans="1:17" ht="20.100000000000001" customHeight="1" thickBot="1" x14ac:dyDescent="0.25">
      <c r="A59" s="81"/>
      <c r="B59" s="82"/>
      <c r="C59" s="28" t="s">
        <v>39</v>
      </c>
      <c r="D59" s="29">
        <v>11</v>
      </c>
      <c r="E59" s="64" t="s">
        <v>42</v>
      </c>
      <c r="F59" s="30">
        <v>0</v>
      </c>
      <c r="G59" s="103">
        <v>0</v>
      </c>
      <c r="H59" s="32">
        <v>10</v>
      </c>
      <c r="I59" s="64" t="s">
        <v>42</v>
      </c>
      <c r="J59" s="73"/>
      <c r="K59" s="74"/>
      <c r="L59" s="75"/>
      <c r="M59" s="76"/>
      <c r="N59" s="70">
        <v>1</v>
      </c>
      <c r="O59" s="71" t="s">
        <v>43</v>
      </c>
      <c r="P59" s="72">
        <v>0</v>
      </c>
      <c r="Q59" s="77">
        <v>0</v>
      </c>
    </row>
    <row r="60" spans="1:17" x14ac:dyDescent="0.2">
      <c r="A60" s="102" t="s">
        <v>44</v>
      </c>
      <c r="B60" s="102"/>
      <c r="C60" s="102"/>
      <c r="D60" s="102"/>
      <c r="E60" s="102"/>
      <c r="F60" s="102"/>
      <c r="G60" s="102"/>
      <c r="H60" s="102"/>
      <c r="I60" s="102"/>
      <c r="J60" s="78"/>
      <c r="K60" s="78"/>
    </row>
    <row r="61" spans="1:17" x14ac:dyDescent="0.2">
      <c r="A61" t="s">
        <v>45</v>
      </c>
    </row>
    <row r="62" spans="1:17" x14ac:dyDescent="0.2">
      <c r="B62" t="s">
        <v>46</v>
      </c>
    </row>
    <row r="63" spans="1:17" x14ac:dyDescent="0.2">
      <c r="B63" t="s">
        <v>47</v>
      </c>
    </row>
  </sheetData>
  <mergeCells count="49">
    <mergeCell ref="B2:Q2"/>
    <mergeCell ref="O3:Q3"/>
    <mergeCell ref="A4:A5"/>
    <mergeCell ref="B4:B5"/>
    <mergeCell ref="C4:C5"/>
    <mergeCell ref="D4:E4"/>
    <mergeCell ref="F4:G4"/>
    <mergeCell ref="H4:I4"/>
    <mergeCell ref="J4:K4"/>
    <mergeCell ref="L4:M4"/>
    <mergeCell ref="N4:O4"/>
    <mergeCell ref="P4:Q4"/>
    <mergeCell ref="A6:A8"/>
    <mergeCell ref="B6:B8"/>
    <mergeCell ref="A9:A11"/>
    <mergeCell ref="B9:B11"/>
    <mergeCell ref="A12:A14"/>
    <mergeCell ref="B12:B14"/>
    <mergeCell ref="A15:A17"/>
    <mergeCell ref="B15:B17"/>
    <mergeCell ref="A18:A20"/>
    <mergeCell ref="B18:B20"/>
    <mergeCell ref="A21:A23"/>
    <mergeCell ref="B21:B23"/>
    <mergeCell ref="A24:A26"/>
    <mergeCell ref="B24:B26"/>
    <mergeCell ref="A27:A29"/>
    <mergeCell ref="B27:B29"/>
    <mergeCell ref="A30:A32"/>
    <mergeCell ref="B30:B32"/>
    <mergeCell ref="A33:A35"/>
    <mergeCell ref="B33:B35"/>
    <mergeCell ref="A36:A38"/>
    <mergeCell ref="B36:B38"/>
    <mergeCell ref="A39:A41"/>
    <mergeCell ref="B39:B41"/>
    <mergeCell ref="A42:A44"/>
    <mergeCell ref="B42:B44"/>
    <mergeCell ref="A45:A47"/>
    <mergeCell ref="B45:B47"/>
    <mergeCell ref="A60:I60"/>
    <mergeCell ref="A48:A50"/>
    <mergeCell ref="B48:B50"/>
    <mergeCell ref="A51:A53"/>
    <mergeCell ref="B51:B53"/>
    <mergeCell ref="A57:A59"/>
    <mergeCell ref="B57:B59"/>
    <mergeCell ref="A54:A56"/>
    <mergeCell ref="B54:B56"/>
  </mergeCells>
  <phoneticPr fontId="2"/>
  <pageMargins left="0.78740157480314965" right="0.39370078740157483" top="0.98425196850393704" bottom="0.59055118110236227" header="0.51181102362204722" footer="0.51181102362204722"/>
  <pageSetup paperSize="9" scale="88" orientation="landscape" horizontalDpi="300" verticalDpi="300" r:id="rId1"/>
  <headerFooter alignWithMargins="0"/>
  <rowBreaks count="2" manualBreakCount="2">
    <brk id="23" max="16" man="1"/>
    <brk id="47" max="1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-6 家畜飼養農家数及び頭羽数</vt:lpstr>
      <vt:lpstr>'1-6 家畜飼養農家数及び頭羽数'!Print_Area</vt:lpstr>
      <vt:lpstr>'1-6 家畜飼養農家数及び頭羽数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2-02-22T07:42:19Z</cp:lastPrinted>
  <dcterms:created xsi:type="dcterms:W3CDTF">2017-10-24T07:31:38Z</dcterms:created>
  <dcterms:modified xsi:type="dcterms:W3CDTF">2022-02-22T07:49:37Z</dcterms:modified>
</cp:coreProperties>
</file>